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7537BAC5">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3</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07406FF5">
      <w:pPr>
        <w:pStyle w:val="GLRM-Normal"/>
        <w:ind w:firstLine="720"/>
        <w:jc w:val="both"/>
      </w:pPr>
      <w:r>
        <w:t xml:space="preserve">WHEREAS, </w:t>
      </w:r>
      <w:r w:rsidR="00220508">
        <w:t>Company own</w:t>
      </w:r>
      <w:r>
        <w:t xml:space="preserve">s 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312DD6D8">
      <w:pPr>
        <w:pStyle w:val="ListParagraph"/>
        <w:numPr>
          <w:ilvl w:val="0"/>
          <w:numId w:val="13"/>
        </w:numPr>
        <w:ind w:left="0" w:firstLine="720"/>
        <w:jc w:val="both"/>
        <w:rPr>
          <w:b/>
          <w:bCs/>
        </w:rPr>
      </w:pPr>
      <w:r w:rsidRPr="0066267F">
        <w:rPr>
          <w:u w:val="single"/>
        </w:rPr>
        <w:t>Pre-Development Conditions</w:t>
      </w:r>
      <w:r>
        <w:t xml:space="preserve">. </w:t>
      </w:r>
      <w:r w:rsidR="00BD5C2F">
        <w:t xml:space="preserve">Prior to commencing development </w:t>
      </w:r>
      <w:r w:rsidR="00D445BB">
        <w:t xml:space="preserve">and 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4C6A9D">
        <w:t xml:space="preserve">sole </w:t>
      </w:r>
      <w:r w:rsidR="004026A7">
        <w:t>satisfaction</w:t>
      </w:r>
      <w:r w:rsidR="00AD7374">
        <w:t>:</w:t>
      </w:r>
    </w:p>
    <w:p w:rsidR="00AD7374" w:rsidRPr="00AD7374" w:rsidP="00AD7374" w14:paraId="04B881F1" w14:textId="77777777">
      <w:pPr>
        <w:pStyle w:val="ListParagraph"/>
        <w:jc w:val="both"/>
        <w:rPr>
          <w:b/>
          <w:bCs/>
        </w:rPr>
      </w:pPr>
    </w:p>
    <w:p w:rsidR="00102583" w:rsidRPr="00102583" w:rsidP="00CB5A0C" w14:paraId="13EB451D" w14:textId="6CC33329">
      <w:pPr>
        <w:pStyle w:val="ListParagraph"/>
        <w:numPr>
          <w:ilvl w:val="1"/>
          <w:numId w:val="13"/>
        </w:numPr>
        <w:ind w:left="0" w:firstLine="1440"/>
        <w:jc w:val="both"/>
        <w:rPr>
          <w:b/>
          <w:bCs/>
        </w:rPr>
      </w:pPr>
      <w:r>
        <w:t xml:space="preserve">Company </w:t>
      </w:r>
      <w:r w:rsidR="00DD1554">
        <w:t>shall</w:t>
      </w:r>
      <w:r>
        <w:t xml:space="preserve"> submit </w:t>
      </w:r>
      <w:r>
        <w:t xml:space="preserve">to the County </w:t>
      </w:r>
      <w:r>
        <w:t xml:space="preserve">a </w:t>
      </w:r>
      <w:r>
        <w:t xml:space="preserve">pre-development package </w:t>
      </w:r>
      <w:r w:rsidR="0062602F">
        <w:t>(the “</w:t>
      </w:r>
      <w:r w:rsidRPr="0062602F" w:rsidR="0062602F">
        <w:rPr>
          <w:b/>
          <w:bCs/>
        </w:rPr>
        <w:t>Pre-Development Package</w:t>
      </w:r>
      <w:r w:rsidR="0062602F">
        <w:t>”)</w:t>
      </w:r>
      <w:r w:rsidR="00B322FD">
        <w:t>, which shall incorporate the following</w:t>
      </w:r>
      <w:r>
        <w:t>:</w:t>
      </w:r>
    </w:p>
    <w:p w:rsidR="00102583" w:rsidRPr="00102583" w:rsidP="00102583" w14:paraId="4B6B4E56" w14:textId="77777777">
      <w:pPr>
        <w:pStyle w:val="ListParagraph"/>
        <w:ind w:left="1440"/>
        <w:jc w:val="both"/>
        <w:rPr>
          <w:b/>
          <w:bCs/>
        </w:rPr>
      </w:pPr>
    </w:p>
    <w:p w:rsidR="00AF547C" w:rsidRPr="00BD5141" w:rsidP="00CB5A0C" w14:paraId="3B808E33" w14:textId="765C89FF">
      <w:pPr>
        <w:pStyle w:val="ListParagraph"/>
        <w:numPr>
          <w:ilvl w:val="2"/>
          <w:numId w:val="13"/>
        </w:numPr>
        <w:ind w:left="0" w:firstLine="2160"/>
        <w:jc w:val="both"/>
        <w:rPr>
          <w:b/>
          <w:bCs/>
        </w:rPr>
      </w:pPr>
      <w:r>
        <w:t xml:space="preserve">a </w:t>
      </w:r>
      <w:r w:rsidR="00BD5C2F">
        <w:t xml:space="preserve">list of </w:t>
      </w:r>
      <w:r w:rsidRPr="00986C65" w:rsidR="00986C65">
        <w:t>Governmental Authorizations</w:t>
      </w:r>
      <w:r w:rsidR="006A4482">
        <w:t xml:space="preserve">, including the Permit, </w:t>
      </w:r>
      <w:r w:rsidRPr="00986C65" w:rsidR="00986C65">
        <w:t xml:space="preserve">required for the </w:t>
      </w:r>
      <w:r w:rsidR="00986C65">
        <w:t>Landfill</w:t>
      </w:r>
      <w:r w:rsidR="00102583">
        <w:t xml:space="preserve"> (collectively, the “</w:t>
      </w:r>
      <w:r w:rsidRPr="00102583" w:rsidR="00102583">
        <w:rPr>
          <w:b/>
          <w:bCs/>
        </w:rPr>
        <w:t>Required Authorizations</w:t>
      </w:r>
      <w:r w:rsidR="00102583">
        <w:t>”)</w:t>
      </w:r>
      <w:r w:rsidRPr="00986C65" w:rsidR="00986C65">
        <w:t xml:space="preserve">, and a schedule indicating when each such item is </w:t>
      </w:r>
      <w:r w:rsidR="000751E0">
        <w:t xml:space="preserve">expected </w:t>
      </w:r>
      <w:r w:rsidRPr="00986C65" w:rsidR="00986C65">
        <w:t>to be obtained;</w:t>
      </w:r>
    </w:p>
    <w:p w:rsidR="00BD5141" w:rsidRPr="00BD5141" w:rsidP="00BD5141" w14:paraId="7AC6CD32" w14:textId="1B883946">
      <w:pPr>
        <w:pStyle w:val="ListParagraph"/>
        <w:ind w:left="2160"/>
        <w:jc w:val="both"/>
        <w:rPr>
          <w:b/>
          <w:bCs/>
        </w:rPr>
      </w:pPr>
    </w:p>
    <w:p w:rsidR="00BD5141" w:rsidRPr="00BD5141" w:rsidP="00CB5A0C" w14:paraId="40AC0375" w14:textId="5E5E0EAF">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521B03" w:rsidP="00521B03" w14:paraId="56BCC65F" w14:textId="77777777">
      <w:pPr>
        <w:rPr>
          <w:b/>
          <w:bCs/>
        </w:rPr>
      </w:pPr>
    </w:p>
    <w:p w:rsidR="00BD5141" w:rsidRPr="00195BC2" w:rsidP="00CB5A0C" w14:paraId="471A4B04" w14:textId="5BA36931">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rsidR="00195BC2" w:rsidRPr="00195BC2" w:rsidP="00195BC2" w14:paraId="0B3BE3C3" w14:textId="77777777">
      <w:pPr>
        <w:pStyle w:val="ListParagraph"/>
        <w:rPr>
          <w:b/>
          <w:bCs/>
        </w:rPr>
      </w:pPr>
    </w:p>
    <w:p w:rsidR="00FF2A9D" w:rsidRPr="00FF2A9D" w:rsidP="00CB5A0C" w14:paraId="12256265" w14:textId="4A6ADC26">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area;</w:t>
      </w:r>
    </w:p>
    <w:p w:rsidR="00FF2A9D" w:rsidP="00FF2A9D" w14:paraId="3F3C7C02" w14:textId="77777777">
      <w:pPr>
        <w:pStyle w:val="ListParagraph"/>
      </w:pPr>
    </w:p>
    <w:p w:rsidR="00CD4D00" w:rsidRPr="00CD4D00" w:rsidP="00CB5A0C" w14:paraId="2BF74AD4" w14:textId="737E3356">
      <w:pPr>
        <w:pStyle w:val="ListParagraph"/>
        <w:numPr>
          <w:ilvl w:val="2"/>
          <w:numId w:val="13"/>
        </w:numPr>
        <w:ind w:left="0" w:firstLine="2160"/>
        <w:jc w:val="both"/>
        <w:rPr>
          <w:b/>
          <w:bCs/>
        </w:rPr>
      </w:pPr>
      <w:r>
        <w:t>a traffic study</w:t>
      </w:r>
      <w:r w:rsidR="00545DB9">
        <w:t xml:space="preserve"> by qualified persons</w:t>
      </w:r>
      <w:r>
        <w:t>, which shall include detailed analyses of anticipated travel routes and the impact of the Landfill on traffic volume in the surrounding area;</w:t>
      </w:r>
    </w:p>
    <w:p w:rsidR="00B322FD" w:rsidRPr="00B322FD" w:rsidP="00B322FD" w14:paraId="7BEE2E66" w14:textId="77777777">
      <w:pPr>
        <w:rPr>
          <w:b/>
          <w:bCs/>
          <w:highlight w:val="red"/>
        </w:rPr>
      </w:pPr>
    </w:p>
    <w:p w:rsidR="00B322FD" w:rsidP="00B322FD" w14:paraId="00053C3A" w14:textId="40417FA7">
      <w:pPr>
        <w:pStyle w:val="ListParagraph"/>
        <w:numPr>
          <w:ilvl w:val="2"/>
          <w:numId w:val="13"/>
        </w:numPr>
        <w:ind w:left="0" w:firstLine="2160"/>
        <w:jc w:val="both"/>
      </w:pPr>
      <w:r w:rsidRPr="006D6703">
        <w:t>Company shall retain the services of a qualified engineering consultant with experience in evaluating the potential for mine subsidence and its possible effects on the integrity of the Landfill, the Landfill Liner System, the Leachate Management System, and the Groundwater Monitoring System, and obtain an evaluation from such consultant that will identify underground mine workings below the Landfill or within the angle of draw/angle of critical deformation where subsidence could impact the Landfill. The evaluation will further consider the depth of mining, thickness of</w:t>
      </w:r>
      <w:r>
        <w:t xml:space="preserve"> the coal seam, extent of mine voids (percent extraction), whether the coal seam was pillared (retreat mining), the angle of draw (typically 15° in the surrounding Appalachian area), the angle of deformation (typically 30° in the surrounding Appalachian area), and any overburden characteristics in providing estimates of possible mine subsidence. The designs of the Landfill Liner System, the Leachate Management System, and the Groundwater Monitoring System shall each be sufficient to mitigate or withstand the estimated maximum mine subsidence; otherwise, Company shall be design and implement a mine subsidence stabilization program (such as full roof contact grouting) to prevent possible future mine subsidence from negatively impacting the Landfill. Such evaluation shall be submitted to the County;</w:t>
      </w:r>
    </w:p>
    <w:p w:rsidR="00B322FD" w:rsidP="00B322FD" w14:paraId="63E42036" w14:textId="77777777">
      <w:pPr>
        <w:pStyle w:val="ListParagraph"/>
        <w:ind w:left="1440"/>
        <w:jc w:val="both"/>
      </w:pPr>
    </w:p>
    <w:p w:rsidR="00B322FD" w:rsidP="00B322FD" w14:paraId="60CDF656" w14:textId="267AA217">
      <w:pPr>
        <w:pStyle w:val="ListParagraph"/>
        <w:numPr>
          <w:ilvl w:val="2"/>
          <w:numId w:val="13"/>
        </w:numPr>
        <w:ind w:left="0" w:firstLine="2160"/>
        <w:jc w:val="both"/>
      </w:pPr>
      <w:r>
        <w:t>an evaluation of slope stability for all components of the Landfill, including the design and construction of the Landfill. This evaluation shall include, but not be limited to, the Landfill Liner System and prepared subgrade, slopes/embankments of coal refuse fills and impoundments, natural ground slopes under and around the Landfill, and temporary and final slopes of the developed Landfill. This evaluation shall also take into consideration static and seismic cases and include soil, coal refuse, and waste material strength parameters based on the results of sufficient samples and laboratory testing. Factors of safety will be in accordance with the current standards of practice for geotechnical engineering, but no less than a factor of 1.5 for static conditions and a factor of 1.3 for seismic conditions, as calculated in a reasonably appropriate manner;</w:t>
      </w:r>
    </w:p>
    <w:p w:rsidR="00B322FD" w:rsidP="00B322FD" w14:paraId="58703CB9" w14:textId="77777777">
      <w:pPr>
        <w:pStyle w:val="ListParagraph"/>
      </w:pPr>
    </w:p>
    <w:p w:rsidR="00B322FD" w:rsidP="00B322FD" w14:paraId="365BD459" w14:textId="4D8740FF">
      <w:pPr>
        <w:pStyle w:val="ListParagraph"/>
        <w:numPr>
          <w:ilvl w:val="2"/>
          <w:numId w:val="13"/>
        </w:numPr>
        <w:ind w:left="0" w:firstLine="2160"/>
        <w:jc w:val="both"/>
      </w:pPr>
      <w:r>
        <w:t>a dewatering plan and evaluation of the remaining materials under, or to be placed under, the Landfill, in a manner that is reasonable given the historical uses of the Property with respect to saturated coal refuse and soil, and the impoundment of water and coal refuse wastes. Company’s evaluation of such materials shall include the performance of such materials when covered by the Landfill, and shall make a determination as to whether such materials will adequately support the Landfill. In addition, this evaluation shall include bearing capacity, anticipated settlement and consolidation, and other engineering analyses to determine whether the Landfill Liner System will perform acceptably;</w:t>
      </w:r>
    </w:p>
    <w:p w:rsidR="00B322FD" w:rsidRPr="00B322FD" w:rsidP="00B322FD" w14:paraId="58D5551F" w14:textId="30A9A76E">
      <w:pPr>
        <w:jc w:val="both"/>
      </w:pPr>
    </w:p>
    <w:p w:rsidR="00613635" w:rsidRPr="00522250" w:rsidP="00522250" w14:paraId="1B4E8257" w14:textId="0D40B402">
      <w:pPr>
        <w:jc w:val="both"/>
        <w:rPr>
          <w:b/>
          <w:bCs/>
          <w:highlight w:val="red"/>
        </w:rPr>
      </w:pPr>
    </w:p>
    <w:p w:rsidR="00613635" w:rsidRPr="00613635" w:rsidP="00613635" w14:paraId="16414D3E" w14:textId="77777777">
      <w:pPr>
        <w:pStyle w:val="ListParagraph"/>
        <w:rPr>
          <w:b/>
          <w:bCs/>
        </w:rPr>
      </w:pPr>
    </w:p>
    <w:p w:rsidR="00522250" w:rsidRPr="001433E3" w:rsidP="00CB5A0C" w14:paraId="5E96857E" w14:textId="29CEADB7">
      <w:pPr>
        <w:pStyle w:val="ListParagraph"/>
        <w:numPr>
          <w:ilvl w:val="2"/>
          <w:numId w:val="13"/>
        </w:numPr>
        <w:ind w:left="0" w:firstLine="2160"/>
        <w:jc w:val="both"/>
        <w:rPr>
          <w:b/>
          <w:bCs/>
        </w:rPr>
      </w:pPr>
      <w:r w:rsidRPr="001433E3">
        <w:t xml:space="preserve">Company’s plans for monitoring, detecting, collecting, storing, and transporting leachate at the Landfill, which shall comply with 9VAC20-81-210; provided, that, at a minimum, the Landfill shall include </w:t>
      </w:r>
      <w:r w:rsidR="001433E3">
        <w:t>leachate management system (</w:t>
      </w:r>
      <w:r w:rsidRPr="001433E3" w:rsidR="001433E3">
        <w:t>the “</w:t>
      </w:r>
      <w:r w:rsidRPr="001433E3" w:rsidR="001433E3">
        <w:rPr>
          <w:b/>
          <w:bCs/>
        </w:rPr>
        <w:t>Leachate Management System</w:t>
      </w:r>
      <w:r w:rsidRPr="001433E3" w:rsidR="001433E3">
        <w:t>”)</w:t>
      </w:r>
      <w:r w:rsidR="001433E3">
        <w:t xml:space="preserve">, which shall include </w:t>
      </w:r>
      <w:r w:rsidRPr="001433E3">
        <w:t xml:space="preserve">a leachate leak detection system, </w:t>
      </w:r>
      <w:r w:rsidR="001433E3">
        <w:t xml:space="preserve">leachate collection system, </w:t>
      </w:r>
      <w:r w:rsidRPr="001433E3">
        <w:t>facility capable of storing leachate for up to sixty (60) days</w:t>
      </w:r>
      <w:r w:rsidR="001433E3">
        <w:t>, and leachate conveyance piping</w:t>
      </w:r>
      <w:r w:rsidRPr="001433E3" w:rsidR="001433E3">
        <w:t>.</w:t>
      </w:r>
      <w:r w:rsidR="001433E3">
        <w:t xml:space="preserve"> Company shall demonstrate that the engineering design of the Leachate Management System is sufficient </w:t>
      </w:r>
      <w:r w:rsidR="006D6703">
        <w:t>and will adequately perform during the Term and with respect to all reasonably anticipated post-closure requirements;</w:t>
      </w:r>
    </w:p>
    <w:p w:rsidR="00522250" w:rsidP="00522250" w14:paraId="4F8C2364" w14:textId="77777777">
      <w:pPr>
        <w:pStyle w:val="ListParagraph"/>
      </w:pPr>
    </w:p>
    <w:p w:rsidR="00613635" w:rsidRPr="00716330" w:rsidP="00CB5A0C" w14:paraId="0A9521E0" w14:textId="730D417E">
      <w:pPr>
        <w:pStyle w:val="ListParagraph"/>
        <w:numPr>
          <w:ilvl w:val="2"/>
          <w:numId w:val="13"/>
        </w:numPr>
        <w:ind w:left="0" w:firstLine="2160"/>
        <w:jc w:val="both"/>
        <w:rPr>
          <w:b/>
          <w:bCs/>
        </w:rPr>
      </w:pPr>
      <w:r>
        <w:t xml:space="preserve">Company’s plans for monitoring, detecting, preventing, storing, removing, and remediating </w:t>
      </w:r>
      <w:r w:rsidR="0055570A">
        <w:t>the impacts of household hazardous wastes, including, without limitation, paints, cleaning chemicals, motor oil, batteries, pesticides, and household appliances, such as refrigerators, window air conditioners, and other appliances that use ozone-depleting refrigerants</w:t>
      </w:r>
      <w:r w:rsidR="00DF0FB2">
        <w:t xml:space="preserve"> (collectively, “</w:t>
      </w:r>
      <w:r w:rsidRPr="00DF0FB2" w:rsidR="00DF0FB2">
        <w:rPr>
          <w:b/>
          <w:bCs/>
        </w:rPr>
        <w:t>Household Hazardous Wastes</w:t>
      </w:r>
      <w:r w:rsidR="00DF0FB2">
        <w:t>”)</w:t>
      </w:r>
      <w:r w:rsidR="0055570A">
        <w:t>;</w:t>
      </w:r>
    </w:p>
    <w:p w:rsidR="00716330" w:rsidRPr="00716330" w:rsidP="00716330" w14:paraId="08BAE7F1" w14:textId="77777777">
      <w:pPr>
        <w:pStyle w:val="ListParagraph"/>
        <w:rPr>
          <w:b/>
          <w:bCs/>
        </w:rPr>
      </w:pPr>
    </w:p>
    <w:p w:rsidR="00AD0720" w:rsidRPr="00AD0720" w:rsidP="00D01065" w14:paraId="22AFB3AD" w14:textId="20EB3D54">
      <w:pPr>
        <w:pStyle w:val="ListParagraph"/>
        <w:numPr>
          <w:ilvl w:val="2"/>
          <w:numId w:val="13"/>
        </w:numPr>
        <w:ind w:left="0" w:firstLine="2160"/>
        <w:jc w:val="both"/>
        <w:rPr>
          <w:b/>
          <w:bCs/>
        </w:rPr>
      </w:pPr>
      <w:r>
        <w:t xml:space="preserve">Company’s design for a </w:t>
      </w:r>
      <w:r w:rsidR="00345073">
        <w:t xml:space="preserve">synthetic </w:t>
      </w:r>
      <w:r>
        <w:t>liner system</w:t>
      </w:r>
      <w:r w:rsidR="00DB7BA1">
        <w:t xml:space="preserve"> (the “</w:t>
      </w:r>
      <w:r w:rsidRPr="00DB7BA1" w:rsidR="00DB7BA1">
        <w:rPr>
          <w:b/>
          <w:bCs/>
        </w:rPr>
        <w:t>Landfill Liner System</w:t>
      </w:r>
      <w:r w:rsidR="00DB7BA1">
        <w:t xml:space="preserve">”) and </w:t>
      </w:r>
      <w:r>
        <w:t xml:space="preserve">engineering analyses that demonstrate compliance </w:t>
      </w:r>
      <w:r w:rsidR="00DB7BA1">
        <w:t xml:space="preserve">of such design </w:t>
      </w:r>
      <w:r>
        <w:t xml:space="preserve">with applicable </w:t>
      </w:r>
      <w:r w:rsidR="000157C8">
        <w:t xml:space="preserve">Governmental Requirements, as well as an evaluation of expected performance </w:t>
      </w:r>
      <w:r w:rsidR="00DB7BA1">
        <w:t xml:space="preserve">of the Landfill Liner System </w:t>
      </w:r>
      <w:r w:rsidR="000157C8">
        <w:t>with respect to mine subsidence, slope stability, dewatering, and foundation support. In the event the Company</w:t>
      </w:r>
      <w:r w:rsidR="00DB7BA1">
        <w:t xml:space="preserve"> or any evaluation obtained under this </w:t>
      </w:r>
      <w:r w:rsidRPr="00DB7BA1" w:rsidR="00DB7BA1">
        <w:rPr>
          <w:u w:val="single"/>
        </w:rPr>
        <w:t>Section 1.1(a)</w:t>
      </w:r>
      <w:r w:rsidR="00DB7BA1">
        <w:t xml:space="preserve"> determines that the underground mine workings at the Landfill are not full roof contract grouted to fill any voids, the </w:t>
      </w:r>
      <w:r w:rsidR="00345073">
        <w:t xml:space="preserve">Landfill Liner System shall include additional measures to prevent mine subsidence from placing stress or strain on the </w:t>
      </w:r>
      <w:r w:rsidRPr="00345073" w:rsidR="00345073">
        <w:t>Landfill Liner System</w:t>
      </w:r>
      <w:r w:rsidR="00345073">
        <w:t xml:space="preserve">. </w:t>
      </w:r>
      <w:r w:rsidR="00522250">
        <w:t xml:space="preserve">In addition, the </w:t>
      </w:r>
      <w:r w:rsidR="00345073">
        <w:t>L</w:t>
      </w:r>
      <w:r w:rsidR="00522250">
        <w:t>andfill Liner System shall include “accordion” folds in its installation to allow the Landfill Liner System to adjust to mine subsidence ground movement in a manner that will not exceed the Landfill Liner System’s elongation, tearing, or tensile strength</w:t>
      </w:r>
      <w:r w:rsidR="002A58CB">
        <w:t>;</w:t>
      </w:r>
    </w:p>
    <w:p w:rsidR="00AD0720" w:rsidP="00AD0720" w14:paraId="498CB76F" w14:textId="77777777">
      <w:pPr>
        <w:pStyle w:val="ListParagraph"/>
      </w:pPr>
    </w:p>
    <w:p w:rsidR="00366D47" w:rsidRPr="002A58CB" w:rsidP="00D01065" w14:paraId="79CB8292" w14:textId="6AE11220">
      <w:pPr>
        <w:pStyle w:val="ListParagraph"/>
        <w:numPr>
          <w:ilvl w:val="2"/>
          <w:numId w:val="13"/>
        </w:numPr>
        <w:ind w:left="0" w:firstLine="2160"/>
        <w:jc w:val="both"/>
        <w:rPr>
          <w:b/>
          <w:bCs/>
        </w:rPr>
      </w:pPr>
      <w:r w:rsidRPr="004E37FB">
        <w:t xml:space="preserve">Company’s plans for a groundwater monitoring system, </w:t>
      </w:r>
      <w:r w:rsidRPr="004E37FB" w:rsidR="004E37FB">
        <w:t>which shall comply with 9VAC20-81-250 and</w:t>
      </w:r>
      <w:r w:rsidR="004E37FB">
        <w:t xml:space="preserve"> </w:t>
      </w:r>
      <w:r w:rsidRPr="007D3868">
        <w:t>shall include monitoring wells around the perimeter of the Landfill (within the buffer areas)</w:t>
      </w:r>
      <w:r w:rsidRPr="007D3868">
        <w:t xml:space="preserve">, subject to </w:t>
      </w:r>
      <w:r w:rsidRPr="007D3868">
        <w:t xml:space="preserve">VDEQ </w:t>
      </w:r>
      <w:r w:rsidRPr="007D3868">
        <w:t>approval of the location of such wells</w:t>
      </w:r>
      <w:r w:rsidRPr="007D3868" w:rsidR="007D3868">
        <w:t xml:space="preserve"> (collectively, the “</w:t>
      </w:r>
      <w:r w:rsidRPr="007D3868" w:rsidR="007D3868">
        <w:rPr>
          <w:b/>
          <w:bCs/>
        </w:rPr>
        <w:t>Groundwater Monitoring System</w:t>
      </w:r>
      <w:r w:rsidRPr="007D3868" w:rsidR="007D3868">
        <w:t>”)</w:t>
      </w:r>
      <w:r w:rsidR="002A58CB">
        <w:t>; and</w:t>
      </w:r>
    </w:p>
    <w:p w:rsidR="002A58CB" w:rsidRPr="002A58CB" w:rsidP="002A58CB" w14:paraId="6E923FC7" w14:textId="77777777">
      <w:pPr>
        <w:pStyle w:val="ListParagraph"/>
        <w:rPr>
          <w:b/>
          <w:bCs/>
        </w:rPr>
      </w:pPr>
    </w:p>
    <w:p w:rsidR="002A58CB" w:rsidRPr="007D3868" w:rsidP="00D01065" w14:paraId="72958EC0" w14:textId="73A83F81">
      <w:pPr>
        <w:pStyle w:val="ListParagraph"/>
        <w:numPr>
          <w:ilvl w:val="2"/>
          <w:numId w:val="13"/>
        </w:numPr>
        <w:ind w:left="0" w:firstLine="2160"/>
        <w:jc w:val="both"/>
        <w:rPr>
          <w:b/>
          <w:bCs/>
        </w:rPr>
      </w:pPr>
      <w:r>
        <w:t>Company’s plans for an air monitoring system, which shall comply with all applicable Governmental Requirements (the “</w:t>
      </w:r>
      <w:r w:rsidRPr="002A58CB">
        <w:rPr>
          <w:b/>
          <w:bCs/>
        </w:rPr>
        <w:t>Air Monitoring System</w:t>
      </w:r>
      <w:r>
        <w:t>”).</w:t>
      </w:r>
    </w:p>
    <w:p w:rsidR="004C6A9D" w:rsidRPr="00521B03" w:rsidP="00521B03" w14:paraId="23130105" w14:textId="4A740159">
      <w:pPr>
        <w:jc w:val="both"/>
        <w:rPr>
          <w:b/>
          <w:bCs/>
        </w:rPr>
      </w:pPr>
    </w:p>
    <w:p w:rsidR="00AD7374" w:rsidRPr="00990FA1" w:rsidP="00CB5A0C" w14:paraId="11C9494A" w14:textId="2D8617F5">
      <w:pPr>
        <w:pStyle w:val="ListParagraph"/>
        <w:numPr>
          <w:ilvl w:val="1"/>
          <w:numId w:val="13"/>
        </w:numPr>
        <w:ind w:left="0" w:firstLine="1440"/>
        <w:jc w:val="both"/>
        <w:rPr>
          <w:b/>
          <w:bCs/>
        </w:rPr>
      </w:pPr>
      <w:r>
        <w:t xml:space="preserve">Company </w:t>
      </w:r>
      <w:r w:rsidR="00DD1554">
        <w:t>shall</w:t>
      </w:r>
      <w:r>
        <w:t xml:space="preserve"> apply for and obtain all Required Authorizations, including, without limitation, </w:t>
      </w:r>
      <w:r>
        <w:t>a new solid waste management facility permit</w:t>
      </w:r>
      <w:r>
        <w:t xml:space="preserve"> from the Virginia Department of Environmental Quality (“</w:t>
      </w:r>
      <w:r w:rsidRPr="00AD7374">
        <w:rPr>
          <w:b/>
          <w:bCs/>
        </w:rPr>
        <w:t>VDEQ</w:t>
      </w:r>
      <w:r>
        <w:t xml:space="preserve">”), </w:t>
      </w:r>
      <w:r w:rsidR="00990FA1">
        <w:t>pursuant to the requirements of § 10.1-1408.1 of the Code of Virginia (1950)</w:t>
      </w:r>
      <w:r w:rsidR="00291E02">
        <w:t xml:space="preserve"> (the “</w:t>
      </w:r>
      <w:r w:rsidRPr="00291E02" w:rsidR="00291E02">
        <w:rPr>
          <w:b/>
          <w:bCs/>
        </w:rPr>
        <w:t>Permit</w:t>
      </w:r>
      <w:r w:rsidR="00291E02">
        <w:t>”)</w:t>
      </w:r>
      <w:r w:rsidR="00990FA1">
        <w:t>.</w:t>
      </w:r>
      <w:r w:rsidR="001F13EA">
        <w:t xml:space="preserve"> Prior to submitting an application for the Permit to VDEQ, Company shall submit such application to the County for review</w:t>
      </w:r>
      <w:r w:rsidR="00FD6324">
        <w:t xml:space="preserve"> and </w:t>
      </w:r>
      <w:r w:rsidR="001F13EA">
        <w:t>comment. Upon Company</w:t>
      </w:r>
      <w:r w:rsidR="00FD6324">
        <w:t>’s</w:t>
      </w:r>
      <w:r w:rsidR="001F13EA">
        <w:t xml:space="preserve"> </w:t>
      </w:r>
      <w:r w:rsidR="00FD6324">
        <w:t xml:space="preserve">submission of </w:t>
      </w:r>
      <w:r w:rsidR="001F13EA">
        <w:t>such application to VDEQ, and upon receipt of VDEQ’s draft or proposed Permit, Company shall submit the same to the County for review</w:t>
      </w:r>
      <w:r w:rsidR="00FD6324">
        <w:t xml:space="preserve"> and </w:t>
      </w:r>
      <w:r w:rsidR="001F13EA">
        <w:t>comment</w:t>
      </w:r>
      <w:r w:rsidR="000529FC">
        <w:t>; and this process shall be repeated until VDEQ approve</w:t>
      </w:r>
      <w:r w:rsidR="00FD6324">
        <w:t>s</w:t>
      </w:r>
      <w:r w:rsidR="000529FC">
        <w:t xml:space="preserve"> the draft or proposed Permit. </w:t>
      </w:r>
    </w:p>
    <w:p w:rsidR="0066267F" w:rsidRPr="00521B03" w:rsidP="00521B03" w14:paraId="3E361695" w14:textId="77777777">
      <w:pPr>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549C96FA">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78650D86">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4D4749" w:rsidRPr="00097815" w:rsidP="00B322FD" w14:paraId="54F58202" w14:textId="72497D48">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1D7D219D">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w:t>
      </w:r>
      <w:r w:rsidR="00F43522">
        <w:t>the</w:t>
      </w:r>
      <w:r w:rsidR="00C379F0">
        <w:t xml:space="preserve"> Pre-Development Conditions have been completed. </w:t>
      </w:r>
    </w:p>
    <w:p w:rsidR="00582B02" w:rsidRPr="00582B02" w:rsidP="00582B02" w14:paraId="5CD66D52" w14:textId="77777777">
      <w:pPr>
        <w:pStyle w:val="ListParagraph"/>
        <w:ind w:left="1440"/>
        <w:jc w:val="both"/>
        <w:rPr>
          <w:b/>
          <w:bCs/>
        </w:rPr>
      </w:pPr>
    </w:p>
    <w:p w:rsidR="00707ABF" w:rsidRPr="00C379F0" w:rsidP="00CB5A0C" w14:paraId="6ED09405" w14:textId="4B60B023">
      <w:pPr>
        <w:pStyle w:val="ListParagraph"/>
        <w:numPr>
          <w:ilvl w:val="1"/>
          <w:numId w:val="13"/>
        </w:numPr>
        <w:ind w:left="0" w:firstLine="1440"/>
        <w:jc w:val="both"/>
        <w:rPr>
          <w:b/>
          <w:bCs/>
        </w:rPr>
      </w:pPr>
      <w:r>
        <w:t>Company shall conduct the Construction</w:t>
      </w:r>
      <w:r w:rsidR="005032E1">
        <w:t xml:space="preserve">, and maintain the Landfill throughout the Term, </w:t>
      </w:r>
      <w:r>
        <w:t>in accordance with the plans and specifications set forth in the Pre-Development Package</w:t>
      </w:r>
      <w:r w:rsidR="009826F0">
        <w:t xml:space="preserve">. </w:t>
      </w:r>
    </w:p>
    <w:p w:rsidR="00707ABF" w:rsidRPr="00707ABF" w:rsidP="00707ABF" w14:paraId="638091FA" w14:textId="77777777">
      <w:pPr>
        <w:pStyle w:val="ListParagraph"/>
        <w:ind w:left="1440"/>
        <w:jc w:val="both"/>
        <w:rPr>
          <w:b/>
          <w:bCs/>
        </w:rPr>
      </w:pPr>
    </w:p>
    <w:p w:rsidR="00707ABF" w:rsidRPr="00707ABF" w:rsidP="00CB5A0C" w14:paraId="1DCC58D5" w14:textId="1826C7F9">
      <w:pPr>
        <w:pStyle w:val="ListParagraph"/>
        <w:numPr>
          <w:ilvl w:val="1"/>
          <w:numId w:val="13"/>
        </w:numPr>
        <w:ind w:left="0" w:firstLine="1440"/>
        <w:jc w:val="both"/>
        <w:rPr>
          <w:b/>
          <w:bCs/>
        </w:rPr>
      </w:pPr>
      <w:r>
        <w:t xml:space="preserve">Company shall at all times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rsidR="00C379F0" w:rsidRPr="00C379F0" w:rsidP="00C379F0" w14:paraId="2A49162E" w14:textId="77777777">
      <w:pPr>
        <w:pStyle w:val="ListParagraph"/>
        <w:ind w:left="1440"/>
        <w:jc w:val="both"/>
        <w:rPr>
          <w:b/>
          <w:bCs/>
        </w:rPr>
      </w:pPr>
    </w:p>
    <w:p w:rsidR="00C46767" w:rsidRPr="00C46767" w:rsidP="00CB5A0C" w14:paraId="43136104" w14:textId="77777777">
      <w:pPr>
        <w:pStyle w:val="ListParagraph"/>
        <w:numPr>
          <w:ilvl w:val="1"/>
          <w:numId w:val="13"/>
        </w:numPr>
        <w:ind w:left="0" w:firstLine="1440"/>
        <w:jc w:val="both"/>
        <w:rPr>
          <w:b/>
          <w:bCs/>
        </w:rPr>
      </w:pPr>
      <w:r>
        <w:t>During the Construction, Company shall</w:t>
      </w:r>
      <w:r>
        <w:t>:</w:t>
      </w:r>
    </w:p>
    <w:p w:rsidR="00C46767" w:rsidP="00C46767" w14:paraId="597DA9FF" w14:textId="77777777">
      <w:pPr>
        <w:pStyle w:val="ListParagraph"/>
      </w:pPr>
    </w:p>
    <w:p w:rsidR="00C379F0" w:rsidRPr="00C46767" w:rsidP="00C46767" w14:paraId="3B23A7F4" w14:textId="2FEAFF98">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w:t>
      </w:r>
      <w:r w:rsidR="00C46767">
        <w:t>A</w:t>
      </w:r>
      <w:r w:rsidR="007E4490">
        <w:t>) the plans and specifications set forth in the Pre-Development Package, and (</w:t>
      </w:r>
      <w:r w:rsidR="00C46767">
        <w:t>B</w:t>
      </w:r>
      <w:r w:rsidR="007E4490">
        <w:t>) all</w:t>
      </w:r>
      <w:r w:rsidR="004E2E33">
        <w:t xml:space="preserve"> applicable </w:t>
      </w:r>
      <w:r w:rsidR="000751E0">
        <w:t>Governmental Requirements</w:t>
      </w:r>
      <w:r w:rsidR="004E2E33">
        <w:t>, Required Authorizations, and</w:t>
      </w:r>
      <w:r w:rsidR="007E4490">
        <w:t xml:space="preserve"> other permitted plans, authorizations, and conditions applicable to the </w:t>
      </w:r>
      <w:r w:rsidR="004E2E33">
        <w:t>Construction</w:t>
      </w:r>
      <w:r w:rsidR="00082CBA">
        <w:t xml:space="preserve"> (collectively, the “</w:t>
      </w:r>
      <w:r w:rsidRPr="00082CBA" w:rsidR="00082CBA">
        <w:rPr>
          <w:b/>
          <w:bCs/>
        </w:rPr>
        <w:t>Construction Requirements</w:t>
      </w:r>
      <w:r w:rsidR="00082CBA">
        <w:t>”)</w:t>
      </w:r>
      <w:r w:rsidR="007E4490">
        <w:t xml:space="preserve">. </w:t>
      </w:r>
      <w:r w:rsidR="00291E02">
        <w:t xml:space="preserve">The County may, upon notice to Company from time to time, appoint a successor </w:t>
      </w:r>
      <w:r w:rsidRPr="007A45C4" w:rsidR="007A45C4">
        <w:t>Landfill Liaison</w:t>
      </w:r>
      <w:r w:rsidR="00291E02">
        <w:t>.</w:t>
      </w:r>
    </w:p>
    <w:p w:rsidR="00C46767" w:rsidRPr="00C46767" w:rsidP="00C46767" w14:paraId="655C46FA" w14:textId="77777777">
      <w:pPr>
        <w:pStyle w:val="ListParagraph"/>
        <w:ind w:left="2160"/>
        <w:jc w:val="both"/>
        <w:rPr>
          <w:b/>
          <w:bCs/>
        </w:rPr>
      </w:pPr>
    </w:p>
    <w:p w:rsidR="00C46767" w:rsidRPr="00C46767" w:rsidP="00C46767" w14:paraId="551208DE" w14:textId="44DD10F1">
      <w:pPr>
        <w:pStyle w:val="ListParagraph"/>
        <w:numPr>
          <w:ilvl w:val="2"/>
          <w:numId w:val="13"/>
        </w:numPr>
        <w:ind w:left="0" w:firstLine="2160"/>
        <w:jc w:val="both"/>
      </w:pPr>
      <w:r w:rsidRPr="00C46767">
        <w:t>Provide</w:t>
      </w:r>
      <w:r>
        <w:t xml:space="preserve"> laboratory and field testing of the slope stability and foundation support of the Landfill and all related Landfill facilities on the Property, and the adequacy of the compaction of fill materials.</w:t>
      </w:r>
      <w:r w:rsidR="001A5C49">
        <w:t xml:space="preserve"> Such testing results shall show soils to be compacted to 98% of standard proctor dry density at ± 2% optimum moisture content for structural fill, and at 95% standard proctor dry density at ± 2% optimum moisture content for general fill.</w:t>
      </w:r>
    </w:p>
    <w:p w:rsidR="007E4490" w:rsidRPr="007E4490" w:rsidP="007E4490" w14:paraId="19129420" w14:textId="77777777">
      <w:pPr>
        <w:pStyle w:val="ListParagraph"/>
        <w:rPr>
          <w:b/>
          <w:bCs/>
        </w:rPr>
      </w:pPr>
    </w:p>
    <w:p w:rsidR="007E4490" w:rsidRPr="0066267F" w:rsidP="00CB5A0C" w14:paraId="51327DD7" w14:textId="4EDBF16B">
      <w:pPr>
        <w:pStyle w:val="ListParagraph"/>
        <w:numPr>
          <w:ilvl w:val="1"/>
          <w:numId w:val="13"/>
        </w:numPr>
        <w:ind w:left="0" w:firstLine="1440"/>
        <w:jc w:val="both"/>
        <w:rPr>
          <w:b/>
          <w:bCs/>
        </w:rPr>
      </w:pPr>
      <w:r>
        <w:t xml:space="preserve">In the event the </w:t>
      </w:r>
      <w:r w:rsidRPr="007A45C4" w:rsidR="007A45C4">
        <w:t xml:space="preserve">Landfill Liaison </w:t>
      </w:r>
      <w:r>
        <w:t xml:space="preserve">identifies any non-compliance with the Construction Requirements, the County shall provide </w:t>
      </w:r>
      <w:r w:rsidR="001E5BFB">
        <w:t xml:space="preserve">written </w:t>
      </w:r>
      <w:r>
        <w:t xml:space="preserve">notice of such </w:t>
      </w:r>
      <w:r w:rsidR="00B32604">
        <w:t>non-compliance to Company (a “</w:t>
      </w:r>
      <w:r w:rsidRPr="00B32604" w:rsidR="00B32604">
        <w:rPr>
          <w:b/>
          <w:bCs/>
        </w:rPr>
        <w:t>Violation Notice</w:t>
      </w:r>
      <w:r w:rsidR="00B32604">
        <w:t xml:space="preserve">”), and Company shall remediate such non-compliance within </w:t>
      </w:r>
      <w:r w:rsidR="006A4437">
        <w:t>thirty (30) d</w:t>
      </w:r>
      <w:r w:rsidR="00B32604">
        <w:t>ays (or such longer period, as the County may designate in its sole discretion) after receipt of such Violation Notice</w:t>
      </w:r>
      <w:r w:rsidR="006A4437">
        <w:t xml:space="preserve">; provided, that, if such non-compliance </w:t>
      </w:r>
      <w:r w:rsidR="001E17E3">
        <w:t>poses an imminent threat of material harm to human health or the environment, the County may</w:t>
      </w:r>
      <w:r w:rsidR="00223134">
        <w:t>, in its sole discretion,</w:t>
      </w:r>
      <w:r w:rsidR="001E17E3">
        <w:t xml:space="preserve"> </w:t>
      </w:r>
      <w:r w:rsidR="006A4437">
        <w:t>provide for a shorter remediation period in the Violation Notice</w:t>
      </w:r>
      <w:r w:rsidR="001E17E3">
        <w:t xml:space="preserve">, and </w:t>
      </w:r>
      <w:r w:rsidR="006A4437">
        <w:t xml:space="preserve">after receipt of such Violation Notice, </w:t>
      </w:r>
      <w:r w:rsidR="001E17E3">
        <w:t>Company shall remediate such non-compliance</w:t>
      </w:r>
      <w:r w:rsidR="006A4437">
        <w:t xml:space="preserve"> within such shorter period of time</w:t>
      </w:r>
      <w:r w:rsidR="001E17E3">
        <w:t>.</w:t>
      </w:r>
    </w:p>
    <w:p w:rsidR="0066267F" w:rsidRPr="0066267F" w:rsidP="0066267F" w14:paraId="384898F0" w14:textId="77777777">
      <w:pPr>
        <w:pStyle w:val="ListParagraph"/>
        <w:jc w:val="both"/>
        <w:rPr>
          <w:b/>
          <w:bCs/>
        </w:rPr>
      </w:pPr>
    </w:p>
    <w:p w:rsidR="0066267F" w:rsidRPr="0066267F" w:rsidP="00CB5A0C" w14:paraId="652CE974" w14:textId="70CB5B0E">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464E782">
      <w:pPr>
        <w:pStyle w:val="ListParagraph"/>
        <w:numPr>
          <w:ilvl w:val="1"/>
          <w:numId w:val="12"/>
        </w:numPr>
        <w:ind w:left="0" w:firstLine="720"/>
        <w:jc w:val="both"/>
        <w:rPr>
          <w:b/>
          <w:bCs/>
        </w:rPr>
      </w:pPr>
      <w:r>
        <w:rPr>
          <w:u w:val="single"/>
        </w:rPr>
        <w:t xml:space="preserve">Authorization to Operate; Compliance </w:t>
      </w:r>
      <w:r w:rsidRPr="000751E0">
        <w:rPr>
          <w:u w:val="single"/>
        </w:rPr>
        <w:t xml:space="preserve">with </w:t>
      </w:r>
      <w:r w:rsidRPr="000751E0" w:rsidR="000751E0">
        <w:rPr>
          <w:u w:val="single"/>
        </w:rPr>
        <w:t>Governmental Requirement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2D25C1F">
      <w:pPr>
        <w:pStyle w:val="ListParagraph"/>
        <w:numPr>
          <w:ilvl w:val="2"/>
          <w:numId w:val="12"/>
        </w:numPr>
        <w:ind w:left="0" w:firstLine="1440"/>
        <w:jc w:val="both"/>
        <w:rPr>
          <w:b/>
          <w:bCs/>
        </w:rPr>
      </w:pPr>
      <w:r>
        <w:t xml:space="preserve">Company shall at all times during the Term operate the Landfill in compliance with all </w:t>
      </w:r>
      <w:r w:rsidR="000751E0">
        <w:t>Governmental Requirements</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35144A3A">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00067D24">
        <w:t>; and the Company shall accept at the Landfill County Waste, as provided herein.</w:t>
      </w:r>
    </w:p>
    <w:p w:rsidR="00CE3025" w:rsidP="001A30DE" w14:paraId="5333B2BD" w14:textId="77777777"/>
    <w:p w:rsidR="00CE3025" w:rsidRPr="00CE3025" w:rsidP="00CB5A0C" w14:paraId="5210446E" w14:textId="0A3A590D">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rsidR="00CE3025" w:rsidP="00CE3025" w14:paraId="551E13D7" w14:textId="77777777">
      <w:pPr>
        <w:pStyle w:val="ListParagraph"/>
      </w:pPr>
    </w:p>
    <w:p w:rsidR="00CE3025" w:rsidP="00CB5A0C" w14:paraId="301D4691" w14:textId="4920745A">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0F5A14DD">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Pr="00FA5601" w:rsidR="00FA5601">
        <w:t>shall not accept for disposal in the Landfill any of the following (</w:t>
      </w:r>
      <w:r w:rsidR="00FA5601">
        <w:t xml:space="preserve">collectively, </w:t>
      </w:r>
      <w:r w:rsidRPr="00FA5601" w:rsidR="00FA5601">
        <w:t>“</w:t>
      </w:r>
      <w:bookmarkStart w:id="0" w:name="_Hlk146831353"/>
      <w:r w:rsidRPr="00CE3025" w:rsidR="00FA5601">
        <w:rPr>
          <w:b/>
          <w:bCs/>
        </w:rPr>
        <w:t>Unacceptable Wastes</w:t>
      </w:r>
      <w:bookmarkEnd w:id="0"/>
      <w:r w:rsidRPr="00FA5601" w:rsidR="00FA5601">
        <w:t>”):</w:t>
      </w:r>
    </w:p>
    <w:p w:rsidR="00CE3025" w:rsidRPr="00CE3025" w:rsidP="00CE3025" w14:paraId="4AD0676F" w14:textId="77777777">
      <w:pPr>
        <w:pStyle w:val="ListParagraph"/>
        <w:jc w:val="both"/>
        <w:rPr>
          <w:b/>
          <w:bCs/>
        </w:rPr>
      </w:pPr>
    </w:p>
    <w:p w:rsidR="000A6E60" w:rsidRPr="000A6E60" w:rsidP="00CB5A0C" w14:paraId="04E32E3B" w14:textId="76F67F96">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rsidR="00067D24">
        <w:t>the County</w:t>
      </w:r>
      <w:r>
        <w:t xml:space="preserve"> </w:t>
      </w:r>
      <w:r w:rsidRPr="00FA5601">
        <w:t>to be dangerous;</w:t>
      </w:r>
    </w:p>
    <w:p w:rsidR="000A6E60" w:rsidRPr="000A6E60" w:rsidP="000A6E60" w14:paraId="071BAD94" w14:textId="77777777">
      <w:pPr>
        <w:pStyle w:val="ListParagraph"/>
        <w:ind w:left="2160"/>
        <w:jc w:val="both"/>
        <w:rPr>
          <w:b/>
          <w:bCs/>
        </w:rPr>
      </w:pPr>
    </w:p>
    <w:p w:rsidR="000A6E60" w:rsidRPr="000A6E60" w:rsidP="00CB5A0C" w14:paraId="0972F08F" w14:textId="7C5A66E7">
      <w:pPr>
        <w:pStyle w:val="ListParagraph"/>
        <w:numPr>
          <w:ilvl w:val="2"/>
          <w:numId w:val="13"/>
        </w:numPr>
        <w:ind w:left="0" w:firstLine="2160"/>
        <w:jc w:val="both"/>
        <w:rPr>
          <w:b/>
          <w:bCs/>
        </w:rPr>
      </w:pPr>
      <w:r w:rsidRPr="00FA5601">
        <w:t xml:space="preserve">Any material the disposal of which would violate </w:t>
      </w:r>
      <w:r w:rsidR="0046372B">
        <w:t>the Permit or any applicable Governmental Requirements</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095E3C29">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rsidR="000A6E60" w:rsidP="000A6E60" w14:paraId="1589420A" w14:textId="77777777">
      <w:pPr>
        <w:pStyle w:val="ListParagraph"/>
      </w:pPr>
    </w:p>
    <w:p w:rsidR="007537E1" w:rsidRPr="0046372B" w:rsidP="0046372B" w14:paraId="62647F2D" w14:textId="29984FF9">
      <w:pPr>
        <w:pStyle w:val="ListParagraph"/>
        <w:numPr>
          <w:ilvl w:val="2"/>
          <w:numId w:val="13"/>
        </w:numPr>
        <w:ind w:left="0" w:firstLine="2160"/>
        <w:jc w:val="both"/>
      </w:pPr>
      <w:r w:rsidRPr="007537E1">
        <w:t>Any nuclear or by-product material as defined by the Atomic Energy Act of 1954, as amended (68 Stat. 923)</w:t>
      </w:r>
      <w:r w:rsidR="0046372B">
        <w:t>.</w:t>
      </w:r>
    </w:p>
    <w:p w:rsidR="00D65AD8" w:rsidRPr="00FA5601" w:rsidP="001A30DE" w14:paraId="3FD2481C" w14:textId="77777777">
      <w:pPr>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A13600" w:rsidP="00CB5A0C" w14:paraId="7D210E6D" w14:textId="5509B561">
      <w:pPr>
        <w:pStyle w:val="ListParagraph"/>
        <w:numPr>
          <w:ilvl w:val="2"/>
          <w:numId w:val="12"/>
        </w:numPr>
        <w:ind w:left="0" w:firstLine="1440"/>
        <w:jc w:val="both"/>
        <w:rPr>
          <w:b/>
          <w:bCs/>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 xml:space="preserve">(i) whether the </w:t>
      </w:r>
      <w:r w:rsidR="0015375B">
        <w:t>W</w:t>
      </w:r>
      <w:r>
        <w:t xml:space="preserve">aste is Acceptable Waste or Unacceptable Waste; and (ii) as applicable, </w:t>
      </w:r>
      <w:r w:rsidRPr="008C546C">
        <w:t xml:space="preserve">the appropriate disposition within the </w:t>
      </w:r>
      <w:r>
        <w:t>L</w:t>
      </w:r>
      <w:r w:rsidRPr="008C546C">
        <w:t>andfill</w:t>
      </w:r>
      <w:r>
        <w:t>. If deemed reasonably necessary by the County, Company shall use s</w:t>
      </w:r>
      <w:r w:rsidRPr="008C546C">
        <w:t>ensors to assist this determination.</w:t>
      </w:r>
    </w:p>
    <w:p w:rsidR="00A13600" w:rsidRPr="00A13600" w:rsidP="00A13600" w14:paraId="1B822F91" w14:textId="77777777">
      <w:pPr>
        <w:pStyle w:val="ListParagraph"/>
        <w:ind w:left="0" w:firstLine="1440"/>
        <w:jc w:val="both"/>
        <w:rPr>
          <w:b/>
          <w:bCs/>
        </w:rPr>
      </w:pPr>
    </w:p>
    <w:p w:rsidR="00E71018" w:rsidP="00CB5A0C" w14:paraId="4044BCFF" w14:textId="344AF626">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22565AF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ed.</w:t>
      </w:r>
      <w:r>
        <w:t xml:space="preserve"> </w:t>
      </w:r>
    </w:p>
    <w:p w:rsidR="006C70AE" w:rsidP="006C70AE" w14:paraId="78C70A14" w14:textId="77777777">
      <w:pPr>
        <w:pStyle w:val="ListParagraph"/>
        <w:ind w:left="1440"/>
        <w:jc w:val="both"/>
      </w:pPr>
    </w:p>
    <w:p w:rsidR="008A478E" w:rsidP="008A478E" w14:paraId="7E06A72D" w14:textId="08D098B1">
      <w:pPr>
        <w:pStyle w:val="ListParagraph"/>
        <w:numPr>
          <w:ilvl w:val="2"/>
          <w:numId w:val="12"/>
        </w:numPr>
        <w:ind w:left="0" w:firstLine="1440"/>
        <w:jc w:val="both"/>
      </w:pPr>
      <w:r>
        <w:t>All loads delivered by rail shall delivered in a manner that allows for such loads to be weighed prior to disposal.</w:t>
      </w:r>
    </w:p>
    <w:p w:rsidR="00226B26" w:rsidP="00226B26" w14:paraId="5F6EEEF5" w14:textId="77777777">
      <w:pPr>
        <w:pStyle w:val="ListParagraph"/>
        <w:ind w:left="1440"/>
        <w:jc w:val="both"/>
      </w:pPr>
    </w:p>
    <w:p w:rsidR="00475A43" w:rsidP="00CB5A0C" w14:paraId="4BD3ABEB" w14:textId="42EB15E6">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15375B" w:rsidP="0015375B" w14:paraId="3A3534FB" w14:textId="7F83601F">
      <w:pPr>
        <w:pStyle w:val="ListParagraph"/>
        <w:numPr>
          <w:ilvl w:val="1"/>
          <w:numId w:val="12"/>
        </w:numPr>
        <w:ind w:left="0" w:firstLine="720"/>
        <w:jc w:val="both"/>
        <w:rPr>
          <w:b/>
          <w:bCs/>
        </w:rPr>
      </w:pPr>
      <w:r w:rsidRPr="00E71018">
        <w:rPr>
          <w:u w:val="single"/>
        </w:rPr>
        <w:t>Volume and Capacity</w:t>
      </w:r>
      <w:r>
        <w:t>.</w:t>
      </w:r>
      <w:r w:rsidR="0015375B">
        <w:t xml:space="preserve"> </w:t>
      </w:r>
      <w:r w:rsidRPr="00E71018">
        <w:t xml:space="preserve">The daily </w:t>
      </w:r>
      <w:r w:rsidR="0015375B">
        <w:t>W</w:t>
      </w:r>
      <w:r w:rsidRPr="00E71018">
        <w:t xml:space="preserve">aste volume accepted for disposal in the Landfill will not exceed </w:t>
      </w:r>
      <w:r w:rsidR="00CA5056">
        <w:t xml:space="preserve">an average of </w:t>
      </w:r>
      <w:r w:rsidR="00A86CD9">
        <w:t xml:space="preserve">six thousand (6,000) </w:t>
      </w:r>
      <w:r w:rsidRPr="00E71018">
        <w:t>tons</w:t>
      </w:r>
      <w:r w:rsidR="00A27AD7">
        <w:t xml:space="preserve"> </w:t>
      </w:r>
      <w:r w:rsidR="00CA5056">
        <w:t xml:space="preserve">per day </w:t>
      </w:r>
      <w:r w:rsidR="0046372B">
        <w:t>or the amount permitted under the Permit, whichever is less</w:t>
      </w:r>
      <w:r w:rsidRPr="00E2213A" w:rsidR="00E2213A">
        <w:t xml:space="preserve"> </w:t>
      </w:r>
      <w:r w:rsidR="00E2213A">
        <w:t>(the “</w:t>
      </w:r>
      <w:r w:rsidRPr="0015375B" w:rsidR="00E2213A">
        <w:rPr>
          <w:b/>
          <w:bCs/>
        </w:rPr>
        <w:t>Maximum Volume</w:t>
      </w:r>
      <w:r w:rsidR="00E2213A">
        <w:t>”). The Parties may increase the Maximum Volume</w:t>
      </w:r>
      <w:r w:rsidR="0015375B">
        <w:t xml:space="preserve"> 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Volume.</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CA45CA" w:rsidP="002023A6" w14:paraId="7B6228A0" w14:textId="50F96F64">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Host Fee on a monthly basis</w:t>
      </w:r>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appliabl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rsidR="007307FB">
        <w:t xml:space="preserve"> The </w:t>
      </w:r>
      <w:r w:rsidR="00931C97">
        <w:t xml:space="preserve">applicabl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Pr="00591887" w:rsidR="002023A6">
        <w:t xml:space="preserve">on </w:t>
      </w:r>
      <w:r w:rsidRPr="00591887" w:rsidR="002023A6">
        <w:rPr>
          <w:u w:val="single"/>
        </w:rPr>
        <w:t xml:space="preserve">Exhibit </w:t>
      </w:r>
      <w:r w:rsidRPr="00591887" w:rsidR="00591887">
        <w:rPr>
          <w:u w:val="single"/>
        </w:rPr>
        <w:t>B</w:t>
      </w:r>
      <w:r w:rsidRPr="00591887" w:rsidR="002023A6">
        <w:t xml:space="preserve"> attac</w:t>
      </w:r>
      <w:r w:rsidR="002023A6">
        <w:t>hed hereto.</w:t>
      </w:r>
      <w:r>
        <w:rPr>
          <w:rStyle w:val="FootnoteReference"/>
        </w:rPr>
        <w:footnoteReference w:id="3"/>
      </w:r>
      <w:r w:rsidR="002023A6">
        <w:t xml:space="preserve"> </w:t>
      </w:r>
    </w:p>
    <w:p w:rsidR="002023A6" w:rsidP="002023A6" w14:paraId="1CA0984A" w14:textId="77777777">
      <w:pPr>
        <w:pStyle w:val="ListParagraph"/>
        <w:ind w:left="1440"/>
        <w:jc w:val="both"/>
      </w:pPr>
    </w:p>
    <w:p w:rsidR="00A27AD7" w:rsidP="00216F8C" w14:paraId="3649863E" w14:textId="1FDDAB0D">
      <w:pPr>
        <w:pStyle w:val="ListParagraph"/>
        <w:numPr>
          <w:ilvl w:val="2"/>
          <w:numId w:val="12"/>
        </w:numPr>
        <w:ind w:left="0" w:firstLine="1440"/>
        <w:jc w:val="both"/>
      </w:pPr>
      <w:r>
        <w:t>Beginning on January 1</w:t>
      </w:r>
      <w:r w:rsidR="00D90F33">
        <w:t xml:space="preserve"> of the </w:t>
      </w:r>
      <w:r w:rsidR="00F35DAA">
        <w:t>fourth</w:t>
      </w:r>
      <w:r w:rsidR="00F92397">
        <w:t xml:space="preserve"> calendar</w:t>
      </w:r>
      <w:r w:rsidR="00F35DAA">
        <w:t xml:space="preserve"> year of this Agreement (including any partial year)</w:t>
      </w:r>
      <w:r>
        <w:t xml:space="preserve">, </w:t>
      </w:r>
      <w:r w:rsidR="00634EFB">
        <w:t xml:space="preserve">and </w:t>
      </w:r>
      <w:r w:rsidRPr="005F108D" w:rsidR="00634EFB">
        <w:t xml:space="preserve">on the first day of January </w:t>
      </w:r>
      <w:r w:rsidR="00634EFB">
        <w:t xml:space="preserve">each year </w:t>
      </w:r>
      <w:r w:rsidRPr="005F108D" w:rsidR="00634EFB">
        <w:t xml:space="preserve">thereafter, </w:t>
      </w:r>
      <w:r>
        <w:t>t</w:t>
      </w:r>
      <w:r w:rsidRPr="005F108D" w:rsidR="005F108D">
        <w:t>he Host Fee</w:t>
      </w:r>
      <w:r>
        <w:t xml:space="preserve">, as set forth on </w:t>
      </w:r>
      <w:r w:rsidRPr="00080ABB">
        <w:rPr>
          <w:u w:val="single"/>
        </w:rPr>
        <w:t>Exhibit B</w:t>
      </w:r>
      <w:r>
        <w:t xml:space="preserve">, </w:t>
      </w:r>
      <w:r w:rsidRPr="005F108D" w:rsidR="005F108D">
        <w:t>shall be adjusted to reflect increases in the Consumer Price Index (CPI-U South Region) published by the Bureau of Labor for all urban consumers</w:t>
      </w:r>
      <w:r w:rsidR="00065BE8">
        <w:t xml:space="preserve"> (the “</w:t>
      </w:r>
      <w:r w:rsidRPr="00065BE8" w:rsidR="00065BE8">
        <w:rPr>
          <w:b/>
          <w:bCs/>
        </w:rPr>
        <w:t>CPI</w:t>
      </w:r>
      <w:r w:rsidR="00065BE8">
        <w:t>”)</w:t>
      </w:r>
      <w:r w:rsidRPr="005F108D" w:rsidR="005F108D">
        <w:t xml:space="preserve">. </w:t>
      </w:r>
      <w:r w:rsidR="005D1C4D">
        <w:t>The Host Fee</w:t>
      </w:r>
      <w:r w:rsidRPr="005F108D" w:rsidR="005F108D">
        <w:t xml:space="preserve"> shall increase </w:t>
      </w:r>
      <w:r w:rsidR="00EC282F">
        <w:t xml:space="preserve">accordingly </w:t>
      </w:r>
      <w:r w:rsidRPr="005F108D" w:rsidR="005F108D">
        <w:t xml:space="preserve">in the event the </w:t>
      </w:r>
      <w:r w:rsidR="005D1C4D">
        <w:t xml:space="preserve">Maximum Volume </w:t>
      </w:r>
      <w:r w:rsidRPr="005F108D" w:rsidR="005F108D">
        <w:t xml:space="preserve">is increased in accordance with </w:t>
      </w:r>
      <w:r w:rsidRPr="00216F8C" w:rsidR="005D1C4D">
        <w:rPr>
          <w:u w:val="single"/>
        </w:rPr>
        <w:t>Section 2</w:t>
      </w:r>
      <w:r w:rsidR="00067D24">
        <w:rPr>
          <w:u w:val="single"/>
        </w:rPr>
        <w:t>.6</w:t>
      </w:r>
      <w:r w:rsidRPr="005F108D" w:rsidR="005F108D">
        <w:t>.</w:t>
      </w:r>
      <w:r w:rsidR="005E535B">
        <w:t xml:space="preserve"> The County shall provide written notice </w:t>
      </w:r>
      <w:r w:rsidR="00157F2A">
        <w:t xml:space="preserve">to Company </w:t>
      </w:r>
      <w:r w:rsidR="006200BB">
        <w:t xml:space="preserve">setting forth </w:t>
      </w:r>
      <w:r w:rsidR="005E535B">
        <w:t xml:space="preserve">any such </w:t>
      </w:r>
      <w:r w:rsidR="006200BB">
        <w:t>increase in the Host Fee</w:t>
      </w:r>
      <w:r w:rsidR="005E535B">
        <w:t xml:space="preserve"> prior to January 1 of each applicable year; provided, that, if the County fails to provide such notice prior to January 1 of any applicable year, the </w:t>
      </w:r>
      <w:r w:rsidR="006200BB">
        <w:t xml:space="preserve">Host Fee </w:t>
      </w:r>
      <w:r w:rsidR="005E535B">
        <w:t>increase shall not take place until thirty (30) days after such written notice is provided by the County.</w:t>
      </w:r>
    </w:p>
    <w:p w:rsidR="005D1C4D" w:rsidP="005D1C4D" w14:paraId="1994CFCF" w14:textId="77777777">
      <w:pPr>
        <w:pStyle w:val="ListParagraph"/>
      </w:pPr>
    </w:p>
    <w:p w:rsidR="005D1C4D" w:rsidP="00CB5A0C" w14:paraId="115233AB" w14:textId="2C27341E">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Pr="00591887" w:rsidR="00591887">
        <w:rPr>
          <w:u w:val="single"/>
        </w:rPr>
        <w:t>Exhibit B</w:t>
      </w:r>
      <w:r w:rsidRPr="00591887">
        <w:t xml:space="preserve">. In calculating the Host Fee, Company shall exclude all County Waste. </w:t>
      </w:r>
      <w:r w:rsidR="00A37B2B">
        <w:t>Notwithstanding the foregoing, Company agrees that it shall not offer any party a tipping fee rate which is less than the rate charged to the County.</w:t>
      </w:r>
    </w:p>
    <w:p w:rsidR="005D1C4D" w:rsidP="005D1C4D" w14:paraId="09C806A3" w14:textId="77777777">
      <w:pPr>
        <w:pStyle w:val="ListParagraph"/>
      </w:pPr>
    </w:p>
    <w:p w:rsidR="000729E7" w:rsidP="00CB5A0C" w14:paraId="7B9F7F68" w14:textId="5F221C8D">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rsidR="000729E7" w:rsidP="000729E7" w14:paraId="30E7A641" w14:textId="77777777">
      <w:pPr>
        <w:pStyle w:val="ListParagraph"/>
      </w:pPr>
    </w:p>
    <w:p w:rsidR="005D1C4D" w:rsidP="00CB5A0C" w14:paraId="1DC42B90" w14:textId="116E9287">
      <w:pPr>
        <w:pStyle w:val="ListParagraph"/>
        <w:numPr>
          <w:ilvl w:val="2"/>
          <w:numId w:val="12"/>
        </w:numPr>
        <w:ind w:left="0" w:firstLine="1440"/>
        <w:jc w:val="both"/>
      </w:pPr>
      <w:r w:rsidRPr="006A63C9">
        <w:t xml:space="preserve">Beginning </w:t>
      </w:r>
      <w:r w:rsidR="00B36C0F">
        <w:t>in the year in which occurs the second (2</w:t>
      </w:r>
      <w:r w:rsidRPr="00B36C0F" w:rsid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2023A6">
        <w:t>two hundred fifty thousand</w:t>
      </w:r>
      <w:r w:rsidR="00A86CD9">
        <w:t xml:space="preserve"> dollars ($</w:t>
      </w:r>
      <w:r w:rsidR="002023A6">
        <w:t>250</w:t>
      </w:r>
      <w:r w:rsidR="00A86CD9">
        <w:t>,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 xml:space="preserve">eginning on January 1 after the first (1st) anniversary of this Agreement, and on the first day of January thereafter, </w:t>
      </w:r>
      <w:r w:rsidR="00626B64">
        <w:t xml:space="preserve">the Minimum Host Fee shall be adjusted </w:t>
      </w:r>
      <w:r w:rsidRPr="00626B64" w:rsidR="00626B64">
        <w:t>to reflect increases in the</w:t>
      </w:r>
      <w:r w:rsidR="00626B64">
        <w:t xml:space="preserve"> </w:t>
      </w:r>
      <w:r w:rsidR="000729E7">
        <w:t xml:space="preserve">CPI.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volum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rsidR="00475A43" w:rsidRPr="00475A43" w:rsidP="00475A43" w14:paraId="7D25B598" w14:textId="77777777">
      <w:pPr>
        <w:rPr>
          <w:u w:val="single"/>
        </w:rPr>
      </w:pPr>
    </w:p>
    <w:p w:rsidR="00B36C0F" w:rsidP="00681135" w14:paraId="165BE2B6" w14:textId="19CC2F11">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rsidR="00681135" w:rsidP="00681135" w14:paraId="2E34C782"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2CCBEA23">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w:t>
      </w:r>
      <w:r>
        <w:t xml:space="preserve">(or may in the future consist) </w:t>
      </w:r>
      <w:r>
        <w:t xml:space="preserve">of </w:t>
      </w:r>
      <w:r w:rsidRPr="009F30E5">
        <w:t>recycling containers, trash disposal containers</w:t>
      </w:r>
      <w:r>
        <w:t xml:space="preserve">, </w:t>
      </w:r>
      <w:r w:rsidRPr="009F30E5">
        <w:t>and compacting equipment</w:t>
      </w:r>
      <w:r w:rsidR="00320B22">
        <w:t xml:space="preserve">. </w:t>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6FAA4FBB">
      <w:pPr>
        <w:pStyle w:val="ListParagraph"/>
        <w:numPr>
          <w:ilvl w:val="2"/>
          <w:numId w:val="12"/>
        </w:numPr>
        <w:ind w:left="0" w:firstLine="1440"/>
        <w:jc w:val="both"/>
      </w:pPr>
      <w:r>
        <w:t>T</w:t>
      </w:r>
      <w:r w:rsidR="00646907">
        <w:t>he County</w:t>
      </w:r>
      <w:r>
        <w:t xml:space="preserve"> shall be responsible for the </w:t>
      </w:r>
      <w:r w:rsidRPr="00076689" w:rsidR="00076689">
        <w:t xml:space="preserve">collection and transportation of the </w:t>
      </w:r>
      <w:r w:rsidR="007938E0">
        <w:t>W</w:t>
      </w:r>
      <w:r w:rsidRPr="00076689" w:rsidR="00076689">
        <w:t xml:space="preserve">aste from </w:t>
      </w:r>
      <w:r w:rsidR="001C5AE6">
        <w:t>the County Collection Site</w:t>
      </w:r>
      <w:r w:rsidRPr="00076689" w:rsidR="001C5AE6">
        <w:t xml:space="preserve"> </w:t>
      </w:r>
      <w:r w:rsidRPr="00076689" w:rsidR="00076689">
        <w:t xml:space="preserve">to the </w:t>
      </w:r>
      <w:r w:rsidR="00076689">
        <w:t>L</w:t>
      </w:r>
      <w:r w:rsidRPr="00076689" w:rsidR="00076689">
        <w:t xml:space="preserve">andfill in order to provide disposal of the </w:t>
      </w:r>
      <w:r w:rsidR="00067D24">
        <w:t>C</w:t>
      </w:r>
      <w:r w:rsidRPr="00076689" w:rsidR="00076689">
        <w:t>ounty’s residential, non-commercial, non</w:t>
      </w:r>
      <w:r w:rsidR="00076689">
        <w:t>-</w:t>
      </w:r>
      <w:r w:rsidRPr="00076689" w:rsidR="00076689">
        <w:t xml:space="preserve">industrial solid </w:t>
      </w:r>
      <w:r w:rsidR="007938E0">
        <w:t>W</w:t>
      </w:r>
      <w:r w:rsidRPr="00076689" w:rsidR="00076689">
        <w:t>aste.</w:t>
      </w:r>
    </w:p>
    <w:p w:rsidR="001C5AE6" w:rsidP="001C5AE6" w14:paraId="3F1FB8B0" w14:textId="77777777">
      <w:pPr>
        <w:pStyle w:val="ListParagraph"/>
      </w:pPr>
    </w:p>
    <w:p w:rsidR="001C5AE6" w:rsidP="00CB5A0C" w14:paraId="33758944" w14:textId="5892D655">
      <w:pPr>
        <w:pStyle w:val="ListParagraph"/>
        <w:numPr>
          <w:ilvl w:val="2"/>
          <w:numId w:val="12"/>
        </w:numPr>
        <w:ind w:left="0" w:firstLine="1440"/>
        <w:jc w:val="both"/>
      </w:pPr>
      <w:r>
        <w:t>All Acceptable Wastes from any County Collection Site shall be treated as County Waste.</w:t>
      </w:r>
    </w:p>
    <w:p w:rsidR="00CC074F" w:rsidRPr="009F30E5" w:rsidP="009F30E5" w14:paraId="6C126EC5" w14:textId="77777777">
      <w:pPr>
        <w:rPr>
          <w:u w:val="single"/>
        </w:rPr>
      </w:pPr>
    </w:p>
    <w:p w:rsidR="00CB0751" w:rsidP="00CB5A0C" w14:paraId="53ECD175" w14:textId="2EC5A00E">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rsidR="00B20186" w:rsidP="00C430B5" w14:paraId="3F1366D5" w14:textId="77777777"/>
    <w:p w:rsidR="003B6AC4" w:rsidRPr="00BF654C" w:rsidP="00CB5A0C" w14:paraId="776CA96B" w14:textId="51FB8139">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0BB516F6">
      <w:pPr>
        <w:pStyle w:val="ListParagraph"/>
        <w:numPr>
          <w:ilvl w:val="2"/>
          <w:numId w:val="12"/>
        </w:numPr>
        <w:ind w:left="0" w:firstLine="1440"/>
        <w:jc w:val="both"/>
      </w:pPr>
      <w:r w:rsidRPr="00DF0FB2">
        <w:t xml:space="preserve">Access to the Landfill shall be limited to </w:t>
      </w:r>
      <w:r w:rsidR="00FE2695">
        <w:t xml:space="preserve">(i) rail car access and (ii) </w:t>
      </w:r>
      <w:r w:rsidR="00FD6324">
        <w:t>controlled</w:t>
      </w:r>
      <w:r w:rsidRPr="00DF0FB2">
        <w:t xml:space="preserve"> public access point</w:t>
      </w:r>
      <w:r w:rsidR="00FD6324">
        <w:t>s</w:t>
      </w:r>
      <w:r w:rsidR="00FE2695">
        <w:t xml:space="preserve"> by road</w:t>
      </w:r>
      <w:r w:rsidRPr="00DF0FB2">
        <w:t>.</w:t>
      </w:r>
      <w:r>
        <w:t xml:space="preserve"> </w:t>
      </w:r>
      <w:r>
        <w:t xml:space="preserve">Company shall control </w:t>
      </w:r>
      <w:r>
        <w:t xml:space="preserve">such </w:t>
      </w:r>
      <w:r>
        <w:t xml:space="preserve">access </w:t>
      </w:r>
      <w:r>
        <w:t>point</w:t>
      </w:r>
      <w:r w:rsidR="00FE2695">
        <w:t>s</w:t>
      </w:r>
      <w:r>
        <w:t xml:space="preserve">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t>
      </w:r>
      <w:r w:rsidR="007938E0">
        <w:t>W</w:t>
      </w:r>
      <w:r w:rsidRPr="00CB0751">
        <w:t xml:space="preserve">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r w:rsidRPr="00CB0751">
        <w:t>vehicles</w:t>
      </w:r>
      <w:r>
        <w:t>, 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 xml:space="preserve">informing users of </w:t>
      </w:r>
      <w:r w:rsidR="00C520E1">
        <w:t>what constitutes A</w:t>
      </w:r>
      <w:r w:rsidRPr="007B7FB1" w:rsidR="007B7FB1">
        <w:t xml:space="preserve">cceptable </w:t>
      </w:r>
      <w:r w:rsidR="00C520E1">
        <w:t xml:space="preserve">Waste </w:t>
      </w:r>
      <w:r w:rsidRPr="007B7FB1" w:rsidR="007B7FB1">
        <w:t xml:space="preserve">and </w:t>
      </w:r>
      <w:r w:rsidR="00C520E1">
        <w:t>Unacceptable Waste</w:t>
      </w:r>
      <w:r w:rsidRPr="007B7FB1" w:rsidR="007B7FB1">
        <w:t>.</w:t>
      </w:r>
    </w:p>
    <w:p w:rsidR="003B6AC4" w:rsidP="00AC43F6" w14:paraId="6294D49B" w14:textId="77777777"/>
    <w:p w:rsidR="00BF654C" w:rsidP="00CB5A0C" w14:paraId="5F0F8A3A" w14:textId="405814C0">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3093A02F">
      <w:pPr>
        <w:pStyle w:val="ListParagraph"/>
        <w:numPr>
          <w:ilvl w:val="2"/>
          <w:numId w:val="12"/>
        </w:numPr>
        <w:ind w:left="0" w:firstLine="1440"/>
        <w:jc w:val="both"/>
      </w:pPr>
      <w:r>
        <w:t>T</w:t>
      </w:r>
      <w:r>
        <w:t xml:space="preserve">he primary method of disposal at the Landfill (other than County Waste) shall be performed by rail. </w:t>
      </w:r>
      <w:r>
        <w:t xml:space="preserve">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w:t>
      </w:r>
      <w:r>
        <w:t xml:space="preserve">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rsidR="00C430B5" w:rsidP="00C430B5" w14:paraId="17E1F85F" w14:textId="77777777">
      <w:pPr>
        <w:pStyle w:val="ListParagraph"/>
      </w:pPr>
    </w:p>
    <w:p w:rsidR="00C430B5" w:rsidP="00CB5A0C" w14:paraId="588D89FC" w14:textId="22097C84">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t>
      </w:r>
      <w:r w:rsidR="007938E0">
        <w:t>W</w:t>
      </w:r>
      <w:r>
        <w:t xml:space="preserve">aste to the Landfill unless the County has approved </w:t>
      </w:r>
      <w:r w:rsidR="008769C6">
        <w:t xml:space="preserve">the routes such trucks will take to the Landfill; and such trucks shall only access the Landfill through such approved routes. </w:t>
      </w:r>
    </w:p>
    <w:p w:rsidR="00C430B5" w:rsidP="00C430B5" w14:paraId="48F37AE3" w14:textId="77777777">
      <w:pPr>
        <w:pStyle w:val="ListParagraph"/>
      </w:pPr>
    </w:p>
    <w:p w:rsidR="003B6AC4" w:rsidP="00CB5A0C" w14:paraId="57F8573B" w14:textId="6E99FBFF">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rsidR="00CF6EBA" w:rsidP="00CF6EBA" w14:paraId="5C6ECF69" w14:textId="77777777">
      <w:pPr>
        <w:pStyle w:val="ListParagraph"/>
      </w:pPr>
    </w:p>
    <w:p w:rsidR="00CF6EBA" w:rsidP="00CB5A0C" w14:paraId="24654758" w14:textId="6B8D2096">
      <w:pPr>
        <w:pStyle w:val="ListParagraph"/>
        <w:numPr>
          <w:ilvl w:val="2"/>
          <w:numId w:val="12"/>
        </w:numPr>
        <w:ind w:left="0" w:firstLine="1440"/>
        <w:jc w:val="both"/>
      </w:pPr>
      <w:r>
        <w:t>There shall be no limit on the service area of the 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8769C6" w:rsidP="00A77ADE" w14:paraId="6424466B" w14:textId="77777777"/>
    <w:p w:rsidR="008769C6" w:rsidRPr="005D1C4D" w:rsidP="00B54086" w14:paraId="5AED7EBF" w14:textId="5168320E">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13600" w:rsidP="00CB5A0C" w14:paraId="664CDE8D" w14:textId="01619C5A">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rsidR="00AF3E6D" w:rsidP="00AF3E6D" w14:paraId="76084BE1" w14:textId="77777777">
      <w:pPr>
        <w:pStyle w:val="ListParagraph"/>
      </w:pPr>
    </w:p>
    <w:p w:rsidR="00AF3E6D" w:rsidP="00CB5A0C" w14:paraId="581F5F0C" w14:textId="1644E59C">
      <w:pPr>
        <w:pStyle w:val="ListParagraph"/>
        <w:numPr>
          <w:ilvl w:val="2"/>
          <w:numId w:val="12"/>
        </w:numPr>
        <w:ind w:left="0" w:firstLine="1440"/>
        <w:jc w:val="both"/>
      </w:pPr>
      <w:r>
        <w:t>not less than five hundred (500) feet from the nearest residence, church, school or recreational area as of the date of this Agreement;</w:t>
      </w:r>
    </w:p>
    <w:p w:rsidR="00AF3E6D" w:rsidP="00AF3E6D" w14:paraId="5AFF8AF6" w14:textId="77777777">
      <w:pPr>
        <w:pStyle w:val="ListParagraph"/>
        <w:ind w:left="1440"/>
        <w:jc w:val="both"/>
      </w:pPr>
    </w:p>
    <w:p w:rsidR="00AF3E6D" w:rsidP="00CB5A0C" w14:paraId="2DD562CB" w14:textId="174645BE">
      <w:pPr>
        <w:pStyle w:val="ListParagraph"/>
        <w:numPr>
          <w:ilvl w:val="2"/>
          <w:numId w:val="12"/>
        </w:numPr>
        <w:ind w:left="0" w:firstLine="1440"/>
        <w:jc w:val="both"/>
      </w:pPr>
      <w:r>
        <w:t>not less than five hundred (500) feet from any well or spring being used for drinking water as of the date of this Agreement;</w:t>
      </w:r>
    </w:p>
    <w:p w:rsidR="00AF3E6D" w:rsidP="00AF3E6D" w14:paraId="6E3BD4B8" w14:textId="77777777">
      <w:pPr>
        <w:pStyle w:val="ListParagraph"/>
      </w:pPr>
    </w:p>
    <w:p w:rsidR="00AF3E6D" w:rsidP="00CB5A0C" w14:paraId="0DE1F701" w14:textId="2617029D">
      <w:pPr>
        <w:pStyle w:val="ListParagraph"/>
        <w:numPr>
          <w:ilvl w:val="2"/>
          <w:numId w:val="12"/>
        </w:numPr>
        <w:ind w:left="0" w:firstLine="1440"/>
        <w:jc w:val="both"/>
      </w:pPr>
      <w:r>
        <w:t>not less than one hundred (100) feet from any regularly flowing channel of water as of the date of this Agreement, and</w:t>
      </w:r>
    </w:p>
    <w:p w:rsidR="00AF3E6D" w:rsidP="00AF3E6D" w14:paraId="30CD888D" w14:textId="77777777">
      <w:pPr>
        <w:pStyle w:val="ListParagraph"/>
      </w:pPr>
    </w:p>
    <w:p w:rsidR="00AF3E6D" w:rsidP="00CB5A0C" w14:paraId="421D385E" w14:textId="1765FF20">
      <w:pPr>
        <w:pStyle w:val="ListParagraph"/>
        <w:numPr>
          <w:ilvl w:val="2"/>
          <w:numId w:val="12"/>
        </w:numPr>
        <w:ind w:left="0" w:firstLine="1440"/>
        <w:jc w:val="both"/>
      </w:pPr>
      <w:r>
        <w:t>not less than fifty (50) feet from any public road as of the date of this Agreement.</w:t>
      </w:r>
    </w:p>
    <w:p w:rsidR="005F75BD" w:rsidP="005F75BD" w14:paraId="2E370A4C" w14:textId="77777777">
      <w:pPr>
        <w:pStyle w:val="ListParagraph"/>
      </w:pPr>
    </w:p>
    <w:p w:rsidR="005F75BD" w:rsidP="00CB5A0C" w14:paraId="66DFAE85" w14:textId="7D56C736">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t>three thousand (</w:t>
      </w:r>
      <w:r w:rsidRPr="004C7B13">
        <w:t>3,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086DDC54">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2292FDC5">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In the event </w:t>
      </w:r>
      <w:r w:rsidRPr="000E0B39" w:rsidR="00077C48">
        <w:t xml:space="preserve">in </w:t>
      </w:r>
      <w:r w:rsidR="00077C48">
        <w:t xml:space="preserve">Company or the County receives any </w:t>
      </w:r>
      <w:r w:rsidRPr="000E0B39" w:rsidR="00077C48">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rsidR="000E0B39" w:rsidRPr="00AF682B" w:rsidP="00815A92" w14:paraId="3D4CDE77" w14:textId="02E30E15">
      <w:pPr>
        <w:jc w:val="both"/>
      </w:pPr>
    </w:p>
    <w:p w:rsidR="00FD5B53" w:rsidRPr="00053DD0" w:rsidP="00CB5A0C" w14:paraId="0C31C18B" w14:textId="43D3F1B3">
      <w:pPr>
        <w:pStyle w:val="ListParagraph"/>
        <w:numPr>
          <w:ilvl w:val="0"/>
          <w:numId w:val="16"/>
        </w:numPr>
        <w:ind w:left="0" w:firstLine="720"/>
        <w:jc w:val="both"/>
        <w:rPr>
          <w:b/>
          <w:bCs/>
        </w:rPr>
      </w:pPr>
      <w:r w:rsidRPr="00053DD0">
        <w:rPr>
          <w:u w:val="single"/>
        </w:rPr>
        <w:t>Leachate Management</w:t>
      </w:r>
      <w:r w:rsidRPr="004C7B13">
        <w:t xml:space="preserve">. </w:t>
      </w:r>
      <w:r>
        <w:t>Company shall</w:t>
      </w:r>
      <w:r>
        <w:t xml:space="preserve"> implement</w:t>
      </w:r>
      <w:r w:rsidR="007C72A0">
        <w:t xml:space="preserve">, operate, and </w:t>
      </w:r>
      <w:r>
        <w:t xml:space="preserve">maintain </w:t>
      </w:r>
      <w:r w:rsidR="006A4DD2">
        <w:t xml:space="preserve">the </w:t>
      </w:r>
      <w:r w:rsidRPr="00124DD4" w:rsidR="006A4DD2">
        <w:t>Leachate Management System</w:t>
      </w:r>
      <w:r w:rsidR="00C45955">
        <w:t xml:space="preserve"> throughout the Term</w:t>
      </w:r>
      <w:r>
        <w:t xml:space="preserve">. The </w:t>
      </w:r>
      <w:r w:rsidR="00124DD4">
        <w:t>L</w:t>
      </w:r>
      <w:r>
        <w:t xml:space="preserve">eachate </w:t>
      </w:r>
      <w:r w:rsidR="00124DD4">
        <w:t xml:space="preserve">Management System </w:t>
      </w:r>
      <w:r>
        <w:t>shall be sufficient to test water quality parameters for the presence of leachate</w:t>
      </w:r>
      <w:r w:rsidR="00053DD0">
        <w:t xml:space="preserve"> on a continuous</w:t>
      </w:r>
      <w:r w:rsidR="007C72A0">
        <w:t xml:space="preserve"> basis</w:t>
      </w:r>
      <w:r>
        <w:t xml:space="preserve">. The Leachate </w:t>
      </w:r>
      <w:r w:rsidR="00124DD4">
        <w:t xml:space="preserve">Management System </w:t>
      </w:r>
      <w:r>
        <w:t xml:space="preserve">shall be sufficient to </w:t>
      </w:r>
      <w:r w:rsidR="00053DD0">
        <w:t xml:space="preserve">store leachate </w:t>
      </w:r>
      <w:r w:rsidRPr="00053DD0" w:rsidR="00053DD0">
        <w:t xml:space="preserve">for up to </w:t>
      </w:r>
      <w:r w:rsidR="001C5AE6">
        <w:t>sixty (6</w:t>
      </w:r>
      <w:r w:rsidRPr="00053DD0" w:rsidR="00053DD0">
        <w:t>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01222CE8">
      <w:pPr>
        <w:pStyle w:val="ListParagraph"/>
        <w:numPr>
          <w:ilvl w:val="0"/>
          <w:numId w:val="16"/>
        </w:numPr>
        <w:ind w:left="0" w:firstLine="720"/>
        <w:jc w:val="both"/>
      </w:pPr>
      <w:r w:rsidRPr="00053DD0">
        <w:rPr>
          <w:u w:val="single"/>
        </w:rPr>
        <w:t>Groundwater Sampling and Testing</w:t>
      </w:r>
      <w:r w:rsidRPr="00053DD0">
        <w:t xml:space="preserve">. </w:t>
      </w:r>
      <w:r>
        <w:t xml:space="preserve">Company shall maintain </w:t>
      </w:r>
      <w:r w:rsidR="007D3868">
        <w:t>the Groundwater Management System</w:t>
      </w:r>
      <w:r w:rsidR="00C45955">
        <w:t xml:space="preserve"> 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76CF77F4">
      <w:pPr>
        <w:pStyle w:val="ListParagraph"/>
        <w:numPr>
          <w:ilvl w:val="0"/>
          <w:numId w:val="16"/>
        </w:numPr>
        <w:ind w:left="0" w:firstLine="720"/>
        <w:jc w:val="both"/>
      </w:pPr>
      <w:r w:rsidRPr="00053DD0">
        <w:rPr>
          <w:u w:val="single"/>
        </w:rPr>
        <w:t>Surface Water Sampling and Testing</w:t>
      </w:r>
      <w:r w:rsidRPr="00053DD0">
        <w:t xml:space="preserve">. </w:t>
      </w:r>
      <w:r w:rsidR="008111D5">
        <w:t>On a quarterly basis</w:t>
      </w:r>
      <w:r w:rsidR="00C45955">
        <w:t xml:space="preserve"> throughout the Term</w:t>
      </w:r>
      <w:r w:rsidR="008111D5">
        <w:t xml:space="preserve">, </w:t>
      </w:r>
      <w:r>
        <w:t>Company shall sample all n</w:t>
      </w:r>
      <w:r w:rsidRPr="00053DD0">
        <w:t>atural surface water bodies which flow through or adjoin the Landfill site for flow and water quality</w:t>
      </w:r>
      <w:r w:rsidR="008111D5">
        <w:t xml:space="preserve">, </w:t>
      </w:r>
      <w:r w:rsidRPr="00053DD0" w:rsidR="008111D5">
        <w:t>upstream</w:t>
      </w:r>
      <w:r w:rsidRPr="00053DD0">
        <w:t xml:space="preserve"> and </w:t>
      </w:r>
      <w:r w:rsidRPr="00053DD0" w:rsidR="008111D5">
        <w:t>downstream</w:t>
      </w:r>
      <w:r w:rsidR="008111D5">
        <w:t xml:space="preserve"> </w:t>
      </w:r>
      <w:r w:rsidRPr="00053DD0">
        <w:t xml:space="preserve">of the possible point of impact by the facility. </w:t>
      </w:r>
      <w:r w:rsidR="008111D5">
        <w:t>Company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for analysis</w:t>
      </w:r>
      <w:r w:rsidR="008111D5">
        <w:t xml:space="preserve">, and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rsidR="00CC2EC6" w:rsidP="00CC2EC6" w14:paraId="45A36DE2" w14:textId="77777777">
      <w:pPr>
        <w:pStyle w:val="ListParagraph"/>
      </w:pPr>
    </w:p>
    <w:p w:rsidR="00C46767" w:rsidP="00C46767" w14:paraId="00D4DDFC" w14:textId="61F29573">
      <w:pPr>
        <w:pStyle w:val="ListParagraph"/>
        <w:numPr>
          <w:ilvl w:val="0"/>
          <w:numId w:val="16"/>
        </w:numPr>
        <w:ind w:left="0" w:firstLine="720"/>
        <w:jc w:val="both"/>
      </w:pPr>
      <w:r w:rsidRPr="00CC2EC6">
        <w:rPr>
          <w:u w:val="single"/>
        </w:rPr>
        <w:t>Residential Water Monitoring</w:t>
      </w:r>
      <w:r w:rsidRPr="00CC2EC6">
        <w:t xml:space="preserve">. </w:t>
      </w:r>
      <w:r w:rsidR="00C45955">
        <w:t>Throughout the Term, C</w:t>
      </w:r>
      <w:r>
        <w:t xml:space="preserve">ompany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r>
        <w:t xml:space="preserve">Company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rsidR="00C46767" w:rsidP="00C46767" w14:paraId="0154B7DC" w14:textId="77777777">
      <w:pPr>
        <w:pStyle w:val="ListParagraph"/>
      </w:pPr>
    </w:p>
    <w:p w:rsidR="00C46767" w:rsidP="00CB5A0C" w14:paraId="15103AFC" w14:textId="45BF0420">
      <w:pPr>
        <w:pStyle w:val="ListParagraph"/>
        <w:numPr>
          <w:ilvl w:val="0"/>
          <w:numId w:val="16"/>
        </w:numPr>
        <w:ind w:left="0" w:firstLine="720"/>
        <w:jc w:val="both"/>
      </w:pPr>
      <w:r w:rsidRPr="001A5C49">
        <w:rPr>
          <w:u w:val="single"/>
        </w:rPr>
        <w:t>Slope Stability and Foundation Support</w:t>
      </w:r>
      <w:r>
        <w:t>. On a reasonable basis</w:t>
      </w:r>
      <w:r w:rsidR="00C45955">
        <w:t xml:space="preserve"> throughout the Term</w:t>
      </w:r>
      <w:r>
        <w:t>, but not less than annually, Company shall p</w:t>
      </w:r>
      <w:r w:rsidRPr="00C46767">
        <w:t xml:space="preserve">rovide </w:t>
      </w:r>
      <w:r>
        <w:t xml:space="preserve">to the County results of </w:t>
      </w:r>
      <w:r w:rsidRPr="00C46767">
        <w:t>laboratory and field testing of the slope stability and foundation support of the Landfill and all related Landfill facilities on the Property, and the adequacy of the compaction of fill materials.</w:t>
      </w:r>
      <w:r>
        <w:t xml:space="preserve"> Throughout the operation of the Landfill, soils shall be compacted to 98% of standard proctor dry density at ± 2% optimum moisture content for structural fill, and at 95% standard proctor dry density at ± 2% optimum moisture content for general fill.</w:t>
      </w:r>
    </w:p>
    <w:p w:rsidR="00C45955" w:rsidP="00C45955" w14:paraId="01CA61A6" w14:textId="77777777">
      <w:pPr>
        <w:pStyle w:val="ListParagraph"/>
      </w:pPr>
    </w:p>
    <w:p w:rsidR="00C45955" w:rsidP="00CB5A0C" w14:paraId="056B55E2" w14:textId="7B319648">
      <w:pPr>
        <w:pStyle w:val="ListParagraph"/>
        <w:numPr>
          <w:ilvl w:val="0"/>
          <w:numId w:val="16"/>
        </w:numPr>
        <w:ind w:left="0" w:firstLine="720"/>
        <w:jc w:val="both"/>
      </w:pPr>
      <w:r w:rsidRPr="00C45955">
        <w:rPr>
          <w:u w:val="single"/>
        </w:rPr>
        <w:t>Landfill Liner</w:t>
      </w:r>
      <w:r>
        <w:t>.</w:t>
      </w:r>
      <w:r w:rsidR="001D0168">
        <w:t xml:space="preserve"> Company shall maintain the Landfill Liner System throughout the Term in accordance with the designs set forth in the Pre-Development Package and all Governmental Requirements.</w:t>
      </w:r>
    </w:p>
    <w:p w:rsidR="002A58CB" w:rsidP="002A58CB" w14:paraId="3BB5342B" w14:textId="77777777">
      <w:pPr>
        <w:pStyle w:val="ListParagraph"/>
      </w:pPr>
    </w:p>
    <w:p w:rsidR="002A58CB" w:rsidP="00CB5A0C" w14:paraId="385F510D" w14:textId="0C071F2A">
      <w:pPr>
        <w:pStyle w:val="ListParagraph"/>
        <w:numPr>
          <w:ilvl w:val="0"/>
          <w:numId w:val="16"/>
        </w:numPr>
        <w:ind w:left="0" w:firstLine="720"/>
        <w:jc w:val="both"/>
      </w:pPr>
      <w:r w:rsidRPr="002A58CB">
        <w:rPr>
          <w:u w:val="single"/>
        </w:rPr>
        <w:t>Air Sampling and Testing</w:t>
      </w:r>
      <w:r>
        <w:t xml:space="preserve">. Throughout the Term, Company shall maintain the Air Monitoring System and take air </w:t>
      </w:r>
      <w:r w:rsidRPr="00053DD0">
        <w:t>samples quarterly and analyze</w:t>
      </w:r>
      <w:r>
        <w:t xml:space="preserve"> such samples</w:t>
      </w:r>
      <w:r w:rsidRPr="00053DD0">
        <w:t xml:space="preserve"> per the parameters established by the </w:t>
      </w:r>
      <w:r>
        <w:t>V</w:t>
      </w:r>
      <w:r w:rsidRPr="00053DD0">
        <w:t xml:space="preserve">DEQ. </w:t>
      </w:r>
      <w:r>
        <w:t xml:space="preserve">Company shall provide this </w:t>
      </w:r>
      <w:r w:rsidRPr="00053DD0">
        <w:t xml:space="preserve">information to the </w:t>
      </w:r>
      <w:r>
        <w:t>V</w:t>
      </w:r>
      <w:r w:rsidRPr="00053DD0">
        <w:t>DEQ and the County, thereby establishing the basis for future and on-going monitoring efforts.</w:t>
      </w:r>
    </w:p>
    <w:p w:rsidR="00970963" w:rsidP="00970963" w14:paraId="28E9D670" w14:textId="77777777">
      <w:pPr>
        <w:pStyle w:val="ListParagraph"/>
      </w:pPr>
    </w:p>
    <w:p w:rsidR="00970963" w:rsidRPr="00053DD0" w:rsidP="00CB5A0C" w14:paraId="1E727B1D" w14:textId="4FCBE563">
      <w:pPr>
        <w:pStyle w:val="ListParagraph"/>
        <w:numPr>
          <w:ilvl w:val="0"/>
          <w:numId w:val="16"/>
        </w:numPr>
        <w:ind w:left="0" w:firstLine="720"/>
        <w:jc w:val="both"/>
      </w:pPr>
      <w:r w:rsidRPr="00970963">
        <w:rPr>
          <w:u w:val="single"/>
        </w:rPr>
        <w:t>Split Samples</w:t>
      </w:r>
      <w:r>
        <w:t>. Company shall, in accordance with § 10.1-1408.1(B)(7) of the Code of Virginia (1950), upon written request from the County, split air and water samples so that the County may independently test such samples. County shall be responsible for the cost of splitting any air or water sample and providing such sample to the County.</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02E19C2A">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 xml:space="preserve">shall keep records of </w:t>
      </w:r>
      <w:r w:rsidR="007938E0">
        <w:t>W</w:t>
      </w:r>
      <w:r w:rsidRPr="003B104F" w:rsidR="003B104F">
        <w:t>aste received and the County shall have the right</w:t>
      </w:r>
      <w:r w:rsidR="00AE54FE">
        <w:t>, up</w:t>
      </w:r>
      <w:r w:rsidR="00BC0DBD">
        <w:t>on</w:t>
      </w:r>
      <w:r w:rsidR="00AE54FE">
        <w:t xml:space="preserve"> request,</w:t>
      </w:r>
      <w:r w:rsidRPr="003B104F" w:rsidR="003B104F">
        <w:t xml:space="preserve"> to inspect and </w:t>
      </w:r>
      <w:r w:rsidR="00AE54FE">
        <w:t xml:space="preserve">review </w:t>
      </w:r>
      <w:r w:rsidRPr="003B104F" w:rsidR="003B104F">
        <w:t xml:space="preserve">the same insofar as they pertain to the operation of the Landfill. The records shall show the type, weight, and volume of </w:t>
      </w:r>
      <w:r w:rsidR="00AE54FE">
        <w:t>W</w:t>
      </w:r>
      <w:r w:rsidRPr="003B104F" w:rsidR="003B104F">
        <w:t xml:space="preserve">aste received; </w:t>
      </w:r>
      <w:r w:rsidR="00AE54FE">
        <w:t xml:space="preserve">any </w:t>
      </w:r>
      <w:r w:rsidRPr="003B104F" w:rsidR="003B104F">
        <w:t xml:space="preserve">deviations from the </w:t>
      </w:r>
      <w:r w:rsidR="00AE54FE">
        <w:t>Permit</w:t>
      </w:r>
      <w:r w:rsidRPr="003B104F" w:rsidR="003B104F">
        <w:t>; those parts of the Landfill currently used;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46A172D6">
      <w:pPr>
        <w:pStyle w:val="ListParagraph"/>
        <w:numPr>
          <w:ilvl w:val="0"/>
          <w:numId w:val="14"/>
        </w:numPr>
        <w:ind w:left="0" w:firstLine="720"/>
        <w:jc w:val="both"/>
      </w:pPr>
      <w:r w:rsidRPr="00963438">
        <w:rPr>
          <w:u w:val="single"/>
        </w:rPr>
        <w:t>Information Sessions</w:t>
      </w:r>
      <w:r>
        <w:t xml:space="preserve">. At the County’s request, but no mor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5655321C">
      <w:pPr>
        <w:pStyle w:val="ListParagraph"/>
        <w:numPr>
          <w:ilvl w:val="0"/>
          <w:numId w:val="14"/>
        </w:numPr>
        <w:ind w:left="0" w:firstLine="720"/>
        <w:jc w:val="both"/>
      </w:pPr>
      <w:r w:rsidRPr="00A97995">
        <w:rPr>
          <w:u w:val="single"/>
        </w:rPr>
        <w:t>Notices of Violation</w:t>
      </w:r>
      <w:r>
        <w:t>. Company shall, within five (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24EC63E5">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788EB16D">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Pr="00065BE8" w:rsidR="00EC01D8">
        <w:t>Subject</w:t>
      </w:r>
      <w:r w:rsidR="00333CBC">
        <w:t xml:space="preserve"> to</w:t>
      </w:r>
      <w:r w:rsidRPr="00065BE8" w:rsidR="00EC01D8">
        <w:t xml:space="preserve"> </w:t>
      </w:r>
      <w:r w:rsidR="00EC01D8">
        <w:t xml:space="preserve">reasonable </w:t>
      </w:r>
      <w:r w:rsidR="002772D9">
        <w:t xml:space="preserve">health and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AE54FE" w14:paraId="26FBE7E0" w14:textId="77777777"/>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E21C76" w:rsidP="00CB5A0C" w14:paraId="0CF2E644" w14:textId="2C701384">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opportunity to participate in such sampling</w:t>
      </w:r>
      <w:r>
        <w:t>;</w:t>
      </w:r>
    </w:p>
    <w:p w:rsidR="00E21C76" w:rsidP="00E21C76" w14:paraId="7E56A6FD" w14:textId="77777777">
      <w:pPr>
        <w:pStyle w:val="ListParagraph"/>
      </w:pPr>
    </w:p>
    <w:p w:rsidR="00333CBC" w:rsidP="00CB5A0C" w14:paraId="20A00CA7" w14:textId="5FAB9E45">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5AB543E6">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CF6EBA" w:rsidP="00CF6EBA" w14:paraId="76FAA625" w14:textId="77777777">
      <w:pPr>
        <w:pStyle w:val="ListParagraph"/>
        <w:jc w:val="both"/>
      </w:pPr>
    </w:p>
    <w:p w:rsidR="00CF6EBA" w:rsidP="00CB5A0C" w14:paraId="3DDCCD1A" w14:textId="7449E921">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5CC7E408">
      <w:pPr>
        <w:pStyle w:val="ListParagraph"/>
        <w:numPr>
          <w:ilvl w:val="0"/>
          <w:numId w:val="18"/>
        </w:numPr>
        <w:ind w:left="0" w:firstLine="720"/>
        <w:jc w:val="both"/>
        <w:rPr>
          <w:b/>
          <w:bCs/>
        </w:rPr>
      </w:pPr>
      <w:r w:rsidRPr="00815A92">
        <w:rPr>
          <w:u w:val="single"/>
        </w:rPr>
        <w:t>General Maintenance Responsibilities</w:t>
      </w:r>
      <w:r>
        <w:t xml:space="preserve">. </w:t>
      </w:r>
      <w:r>
        <w:t xml:space="preserve">Company shall be solely responsible for </w:t>
      </w:r>
      <w:r>
        <w:t xml:space="preserve">the performance and expense of </w:t>
      </w:r>
      <w:r>
        <w:t xml:space="preserve">all maintenance and repair </w:t>
      </w:r>
      <w:r>
        <w:t xml:space="preserve">activities with respect to </w:t>
      </w:r>
      <w:r>
        <w:t>the Landfill</w:t>
      </w:r>
      <w:r w:rsidR="00333CBC">
        <w:t xml:space="preserve">, including </w:t>
      </w:r>
      <w:r>
        <w:t>all</w:t>
      </w:r>
      <w:r w:rsidR="007C72A0">
        <w:t xml:space="preserve"> such activities with respect to the</w:t>
      </w:r>
      <w:r>
        <w:t xml:space="preserve"> facilities, fixtures, and equipment located thereon.</w:t>
      </w:r>
    </w:p>
    <w:p w:rsidR="00815A92" w:rsidRPr="00CA5056" w:rsidP="00CA5056" w14:paraId="24EAE26E" w14:textId="77777777">
      <w:pPr>
        <w:rPr>
          <w:u w:val="single"/>
        </w:rPr>
      </w:pPr>
    </w:p>
    <w:p w:rsidR="00815A92" w:rsidRPr="00815A92" w:rsidP="00CB5A0C" w14:paraId="0727EC6A" w14:textId="11D3555B">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rsidR="00815A92" w:rsidRPr="00815A92" w:rsidP="00815A92" w14:paraId="21A54ADE" w14:textId="77777777">
      <w:pPr>
        <w:pStyle w:val="ListParagraph"/>
        <w:rPr>
          <w:u w:val="single"/>
        </w:rPr>
      </w:pPr>
    </w:p>
    <w:p w:rsidR="00815A92" w:rsidRPr="00815A92" w:rsidP="00CB5A0C" w14:paraId="3453EA3D" w14:textId="741A4CD0">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not including the normal sounds of trucks entering the site).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6DC24306">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E33573" w:rsidRPr="00E33573" w:rsidP="00CB5A0C" w14:paraId="34DF30E0" w14:textId="77777777">
      <w:pPr>
        <w:pStyle w:val="ListParagraph"/>
        <w:numPr>
          <w:ilvl w:val="0"/>
          <w:numId w:val="15"/>
        </w:numPr>
        <w:ind w:left="0" w:firstLine="720"/>
        <w:jc w:val="both"/>
        <w:rPr>
          <w:b/>
          <w:bCs/>
        </w:rPr>
      </w:pPr>
      <w:r>
        <w:rPr>
          <w:u w:val="single"/>
        </w:rPr>
        <w:t>Financial Assurance</w:t>
      </w:r>
      <w:r w:rsidR="00BE2C90">
        <w:rPr>
          <w:u w:val="single"/>
        </w:rPr>
        <w:t>s</w:t>
      </w:r>
      <w:r w:rsidRPr="00EF5E2C" w:rsidR="00EF5E2C">
        <w:t>.</w:t>
      </w:r>
      <w:r>
        <w:t xml:space="preserve"> </w:t>
      </w:r>
    </w:p>
    <w:p w:rsidR="00E33573" w:rsidRPr="00E33573" w:rsidP="00E33573" w14:paraId="75504361" w14:textId="77777777">
      <w:pPr>
        <w:pStyle w:val="ListParagraph"/>
        <w:jc w:val="both"/>
        <w:rPr>
          <w:b/>
          <w:bCs/>
        </w:rPr>
      </w:pPr>
    </w:p>
    <w:p w:rsidR="00B7600E" w:rsidRPr="00B7600E" w:rsidP="00CB5A0C" w14:paraId="02C61104" w14:textId="7162C5EF">
      <w:pPr>
        <w:pStyle w:val="ListParagraph"/>
        <w:numPr>
          <w:ilvl w:val="0"/>
          <w:numId w:val="22"/>
        </w:numPr>
        <w:ind w:left="0" w:firstLine="1440"/>
        <w:jc w:val="both"/>
        <w:rPr>
          <w:b/>
          <w:bCs/>
        </w:rPr>
      </w:pPr>
      <w:r>
        <w:t>Throughout the Term, Company shall:</w:t>
      </w:r>
    </w:p>
    <w:p w:rsidR="00B7600E" w:rsidRPr="00B7600E" w:rsidP="00B7600E" w14:paraId="009C82C9" w14:textId="77777777">
      <w:pPr>
        <w:pStyle w:val="ListParagraph"/>
        <w:jc w:val="both"/>
        <w:rPr>
          <w:b/>
          <w:bCs/>
        </w:rPr>
      </w:pPr>
    </w:p>
    <w:p w:rsidR="00C15D0E" w:rsidRPr="00B7600E" w:rsidP="00CB5A0C" w14:paraId="7255DBFC" w14:textId="3D1A74C2">
      <w:pPr>
        <w:pStyle w:val="ListParagraph"/>
        <w:numPr>
          <w:ilvl w:val="1"/>
          <w:numId w:val="22"/>
        </w:numPr>
        <w:ind w:left="0" w:firstLine="2160"/>
        <w:jc w:val="both"/>
        <w:rPr>
          <w:b/>
          <w:bCs/>
        </w:rPr>
      </w:pPr>
      <w:r>
        <w:t xml:space="preserve">maintain a closure bond </w:t>
      </w:r>
      <w:r w:rsidR="0092713D">
        <w:t xml:space="preserve">or other financial assurances </w:t>
      </w:r>
      <w:r>
        <w:t>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38230AE0">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rsidR="00A911DF" w:rsidRPr="00E33573" w:rsidP="00E33573" w14:paraId="2D304793" w14:textId="77777777">
      <w:pPr>
        <w:pStyle w:val="ListParagraph"/>
        <w:ind w:left="2160"/>
        <w:jc w:val="both"/>
      </w:pPr>
    </w:p>
    <w:p w:rsidR="00E33573" w:rsidP="0092713D" w14:paraId="58FF717E" w14:textId="28566921">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rsidR="0092713D" w:rsidRPr="0092713D" w:rsidP="0092713D" w14:paraId="04D30A3C" w14:textId="77777777">
      <w:pPr>
        <w:jc w:val="both"/>
      </w:pPr>
    </w:p>
    <w:p w:rsidR="00E33573" w:rsidRPr="00E33573" w:rsidP="00CB5A0C" w14:paraId="4904D22A" w14:textId="5053F7CA">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 xml:space="preserve">”). The County shall have the right to review and approve, or require adjustment to, the Performance Bond on an annual basis throughout the Term. The Performance Bond shall be issued by </w:t>
      </w:r>
      <w:r w:rsidRPr="007D2258">
        <w:t>an entity or an institution approved by the County</w:t>
      </w:r>
      <w:r>
        <w:t xml:space="preserve">. Company shall </w:t>
      </w:r>
      <w:r w:rsidR="0062668B">
        <w:t xml:space="preserve">promptly </w:t>
      </w:r>
      <w:r>
        <w:t xml:space="preserve">cooperate </w:t>
      </w:r>
      <w:r w:rsidR="0062668B">
        <w:t xml:space="preserve">and assist </w:t>
      </w:r>
      <w:r>
        <w:t xml:space="preserve">with any </w:t>
      </w:r>
      <w:r w:rsidR="00707227">
        <w:t>request</w:t>
      </w:r>
      <w:r w:rsidR="0062668B">
        <w:t xml:space="preserve"> by the County to withdraw funds from the Performance Bond in order to satisfy Company’s obligations hereunder. </w:t>
      </w:r>
      <w:r w:rsidRPr="0062668B" w:rsidR="0062668B">
        <w:t xml:space="preserve">In the event that any federal or state agency or authority shall require </w:t>
      </w:r>
      <w:r w:rsidR="0062668B">
        <w:t xml:space="preserve">Company </w:t>
      </w:r>
      <w:r w:rsidRPr="0062668B" w:rsidR="0062668B">
        <w:t xml:space="preserve">to maintain a similar </w:t>
      </w:r>
      <w:r w:rsidR="0062668B">
        <w:t xml:space="preserve">Performance </w:t>
      </w:r>
      <w:r w:rsidRPr="0062668B" w:rsidR="0062668B">
        <w:t xml:space="preserve">Bond for the Landfill during the </w:t>
      </w:r>
      <w:r w:rsidR="0062668B">
        <w:t>T</w:t>
      </w:r>
      <w:r w:rsidRPr="0062668B" w:rsidR="0062668B">
        <w:t xml:space="preserve">erm, </w:t>
      </w:r>
      <w:r w:rsidR="0062668B">
        <w:t xml:space="preserve">Company may </w:t>
      </w:r>
      <w:r w:rsidRPr="0062668B" w:rsidR="0062668B">
        <w:t>submit th</w:t>
      </w:r>
      <w:r w:rsidR="0062668B">
        <w:t xml:space="preserve">e Performance </w:t>
      </w:r>
      <w:r w:rsidRPr="0062668B" w:rsidR="0062668B">
        <w:t xml:space="preserve">Bond for satisfaction of such requirements and the County shall agree to reasonable modifications of the </w:t>
      </w:r>
      <w:r w:rsidR="0062668B">
        <w:t xml:space="preserve">Performance </w:t>
      </w:r>
      <w:r w:rsidRPr="0062668B" w:rsidR="0062668B">
        <w:t>Bond, provided its rights are not materially reduced thereby.</w:t>
      </w:r>
    </w:p>
    <w:p w:rsidR="00E33573" w:rsidRPr="00E33573" w:rsidP="00E33573" w14:paraId="479A01CC" w14:textId="77777777">
      <w:pPr>
        <w:pStyle w:val="ListParagraph"/>
        <w:jc w:val="both"/>
        <w:rPr>
          <w:b/>
          <w:bCs/>
        </w:rPr>
      </w:pPr>
    </w:p>
    <w:p w:rsidR="005D0376" w:rsidRPr="005D0376" w:rsidP="00CB5A0C" w14:paraId="35E7D866" w14:textId="5536CA53">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rsidR="005D0376" w:rsidRPr="005D0376" w:rsidP="005D0376" w14:paraId="5A1A0AE0" w14:textId="77777777">
      <w:pPr>
        <w:pStyle w:val="ListParagraph"/>
        <w:rPr>
          <w:b/>
          <w:bCs/>
        </w:rPr>
      </w:pPr>
    </w:p>
    <w:p w:rsidR="005D0376" w:rsidRPr="00EF5E2C" w:rsidP="00CB5A0C" w14:paraId="0913DD36" w14:textId="248BDDA1">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5D82E2E0">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rsidR="007007AA" w:rsidP="0092713D" w14:paraId="72CD6A8C" w14:textId="77777777"/>
    <w:p w:rsidR="007007AA" w:rsidRPr="004E5D17" w:rsidP="00CB5A0C" w14:paraId="471B064C" w14:textId="2F211DB2">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w:t>
      </w:r>
      <w:r>
        <w:t xml:space="preserve">Company shall </w:t>
      </w:r>
      <w:r w:rsidRPr="007007AA">
        <w:t>not</w:t>
      </w:r>
      <w:r>
        <w:t xml:space="preserve">, without </w:t>
      </w:r>
      <w:r>
        <w:t xml:space="preserve">providing the County </w:t>
      </w:r>
      <w:r>
        <w:t xml:space="preserve">prior written </w:t>
      </w:r>
      <w:r>
        <w:t>notice and an opportunity to comment</w:t>
      </w:r>
      <w:r>
        <w:t xml:space="preserv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1F0F3C55">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Pr="00166676" w:rsidR="00166676">
        <w:rPr>
          <w:u w:val="single"/>
        </w:rPr>
        <w:t>Section 8.2</w:t>
      </w:r>
      <w:r w:rsidRPr="006A4482" w:rsid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187164D3">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t>
      </w:r>
      <w:r w:rsidR="007938E0">
        <w:t>W</w:t>
      </w:r>
      <w:r w:rsidRPr="004E5D17">
        <w:t xml:space="preserve">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5726E762">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318D5B4">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w:t>
      </w:r>
      <w:r>
        <w:t xml:space="preserve"> </w:t>
      </w:r>
    </w:p>
    <w:p w:rsidR="00A34570" w:rsidRPr="00A34570" w:rsidP="00A34570" w14:paraId="2A252EB9" w14:textId="77777777">
      <w:pPr>
        <w:pStyle w:val="ListParagraph"/>
        <w:jc w:val="both"/>
        <w:rPr>
          <w:b/>
          <w:bCs/>
        </w:rPr>
      </w:pPr>
    </w:p>
    <w:p w:rsidR="00A34570" w:rsidP="00A34570" w14:paraId="10CC8C78" w14:textId="62527F9F">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w:t>
      </w:r>
      <w:r w:rsidR="00FB7809">
        <w:t xml:space="preserve">any </w:t>
      </w:r>
      <w:r w:rsidR="00C57B0A">
        <w:t xml:space="preserve">applicable </w:t>
      </w:r>
      <w:r w:rsidR="00FB7809">
        <w:t>Governmental Requirement</w:t>
      </w:r>
      <w:r w:rsidR="00C57B0A">
        <w:t>):</w:t>
      </w:r>
    </w:p>
    <w:p w:rsidR="00C57B0A" w:rsidP="00C57B0A" w14:paraId="00B4F145" w14:textId="77777777">
      <w:pPr>
        <w:pStyle w:val="ListParagraph"/>
        <w:ind w:left="1440"/>
        <w:jc w:val="both"/>
      </w:pPr>
    </w:p>
    <w:p w:rsidR="00C57B0A" w:rsidP="00C57B0A" w14:paraId="7760F650" w14:textId="0FFE5D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due to the County hereunder</w:t>
      </w:r>
      <w:r w:rsidR="00E11054">
        <w:t>;</w:t>
      </w:r>
    </w:p>
    <w:p w:rsidR="00E11054" w:rsidP="00E11054" w14:paraId="77FB52AE" w14:textId="77777777">
      <w:pPr>
        <w:pStyle w:val="ListParagraph"/>
        <w:ind w:left="2160"/>
        <w:jc w:val="both"/>
      </w:pPr>
    </w:p>
    <w:p w:rsidR="00E11054" w:rsidP="00C57B0A" w14:paraId="3E5EE6B2" w14:textId="132C598F">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false or misleading in any material respect on or as of the date made</w:t>
      </w:r>
      <w:r>
        <w:t>;</w:t>
      </w:r>
    </w:p>
    <w:p w:rsidR="00E11054" w:rsidP="00E11054" w14:paraId="72FB907A" w14:textId="77777777">
      <w:pPr>
        <w:pStyle w:val="ListParagraph"/>
      </w:pPr>
    </w:p>
    <w:p w:rsidR="00E11054" w:rsidP="00C57B0A" w14:paraId="14C55FDE" w14:textId="2B7C0868">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 xml:space="preserve">in this Agreement, and such failure continues unremedied for a period of </w:t>
      </w:r>
      <w:r w:rsidR="007652C3">
        <w:t>thirty (30) d</w:t>
      </w:r>
      <w:r w:rsidR="00812CD3">
        <w:t>ays after written notice to Company;</w:t>
      </w:r>
    </w:p>
    <w:p w:rsidR="00812CD3" w:rsidP="00812CD3" w14:paraId="388EB8E4" w14:textId="77777777">
      <w:pPr>
        <w:pStyle w:val="ListParagraph"/>
      </w:pPr>
    </w:p>
    <w:p w:rsidR="00812CD3" w:rsidP="00C57B0A" w14:paraId="6B01A11D" w14:textId="435AF760">
      <w:pPr>
        <w:pStyle w:val="ListParagraph"/>
        <w:numPr>
          <w:ilvl w:val="2"/>
          <w:numId w:val="25"/>
        </w:numPr>
        <w:ind w:left="0" w:firstLine="2160"/>
        <w:jc w:val="both"/>
      </w:pPr>
      <w:r>
        <w:t>any Change of Control Occurs without the County’s prior written consen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w:t>
      </w:r>
      <w:r>
        <w:t>,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A53546" w:rsidP="00650662" w14:paraId="6028548D" w14:textId="0F4ADB22">
      <w:pPr>
        <w:pStyle w:val="ListParagraph"/>
        <w:numPr>
          <w:ilvl w:val="2"/>
          <w:numId w:val="25"/>
        </w:numPr>
        <w:ind w:left="0" w:firstLine="2160"/>
        <w:jc w:val="both"/>
      </w:pPr>
      <w:r>
        <w:t>Seek any remedy provided for under this Agreement;</w:t>
      </w:r>
    </w:p>
    <w:p w:rsidR="005405D2" w:rsidP="005405D2" w14:paraId="79961501" w14:textId="77777777">
      <w:pPr>
        <w:pStyle w:val="ListParagraph"/>
      </w:pPr>
    </w:p>
    <w:p w:rsidR="005405D2" w:rsidP="00650662" w14:paraId="3BB3BE3E" w14:textId="241DFA5E">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136DB5" w:rsidRPr="00136DB5" w:rsidP="009C1394" w14:paraId="3486F8D3" w14:textId="77777777">
      <w:pPr>
        <w:pStyle w:val="ListParagraph"/>
        <w:numPr>
          <w:ilvl w:val="0"/>
          <w:numId w:val="25"/>
        </w:numPr>
        <w:ind w:left="-90" w:firstLine="810"/>
        <w:jc w:val="both"/>
        <w:rPr>
          <w:b/>
          <w:bCs/>
        </w:rPr>
      </w:pPr>
      <w:r>
        <w:rPr>
          <w:u w:val="single"/>
        </w:rPr>
        <w:t>Remedies</w:t>
      </w:r>
      <w:r>
        <w:t>.</w:t>
      </w:r>
      <w:r w:rsidR="00FF220B">
        <w:t xml:space="preserve"> </w:t>
      </w:r>
    </w:p>
    <w:p w:rsidR="00AF635D" w:rsidRPr="00AF635D" w:rsidP="00AF635D" w14:paraId="045D5736" w14:textId="77777777">
      <w:pPr>
        <w:pStyle w:val="ListParagraph"/>
        <w:ind w:left="1440"/>
        <w:jc w:val="both"/>
        <w:rPr>
          <w:b/>
          <w:bCs/>
        </w:rPr>
      </w:pPr>
    </w:p>
    <w:p w:rsidR="009C1394" w:rsidRPr="00136DB5" w:rsidP="00136DB5" w14:paraId="630296A7" w14:textId="320BA8F4">
      <w:pPr>
        <w:pStyle w:val="ListParagraph"/>
        <w:numPr>
          <w:ilvl w:val="1"/>
          <w:numId w:val="25"/>
        </w:numPr>
        <w:ind w:left="0" w:firstLine="1440"/>
        <w:jc w:val="both"/>
        <w:rPr>
          <w:b/>
          <w:bCs/>
        </w:rPr>
      </w:pPr>
      <w:r w:rsidRPr="00FF220B">
        <w:t xml:space="preserve">Each </w:t>
      </w:r>
      <w:r>
        <w:t>P</w:t>
      </w:r>
      <w:r w:rsidRPr="00FF220B">
        <w:t>arty to this Agreement acknowledges and agrees that (</w:t>
      </w:r>
      <w:r w:rsidR="00136DB5">
        <w:t>i</w:t>
      </w:r>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rsidR="00136DB5" w:rsidRPr="00136DB5" w:rsidP="00136DB5" w14:paraId="5F221186" w14:textId="77777777">
      <w:pPr>
        <w:pStyle w:val="ListParagraph"/>
        <w:ind w:left="1440"/>
        <w:jc w:val="both"/>
        <w:rPr>
          <w:b/>
          <w:bCs/>
        </w:rPr>
      </w:pPr>
    </w:p>
    <w:p w:rsidR="00136DB5" w:rsidRPr="009C1394" w:rsidP="00136DB5" w14:paraId="2E98CA14" w14:textId="301DB5F9">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7652C3" w:rsidP="009C1394" w14:paraId="5BA4BBC7"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rsidR="007652C3" w:rsidP="007652C3" w14:paraId="67327101" w14:textId="77777777">
      <w:pPr>
        <w:pStyle w:val="ListParagraph"/>
        <w:ind w:left="1440"/>
        <w:jc w:val="both"/>
      </w:pPr>
    </w:p>
    <w:p w:rsidR="009C1394" w:rsidP="009C1394" w14:paraId="42571B1C" w14:textId="2A70D2AE">
      <w:pPr>
        <w:pStyle w:val="ListParagraph"/>
        <w:numPr>
          <w:ilvl w:val="1"/>
          <w:numId w:val="25"/>
        </w:numPr>
        <w:ind w:left="0" w:firstLine="1440"/>
        <w:jc w:val="both"/>
      </w:pPr>
      <w:r>
        <w:t>Company</w:t>
      </w:r>
      <w:r w:rsidR="007652C3">
        <w:t xml:space="preserve"> hereby</w:t>
      </w:r>
      <w:r w:rsidRPr="00B24B6C">
        <w:t xml:space="preserve"> agrees to indemnify and hold harmless the County from any action brought by any </w:t>
      </w:r>
      <w:r w:rsidR="00AA6832">
        <w:t>third party</w:t>
      </w:r>
      <w:r w:rsidRPr="00B24B6C">
        <w:t xml:space="preserve"> seeking damages for any reason as a result of the Landfill, including personal injury, property taking, property damage, or inverse condemnation. However, </w:t>
      </w:r>
      <w:r w:rsidR="00AA6832">
        <w:t xml:space="preserve">(i)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rsidR="009C1394" w:rsidP="009C1394" w14:paraId="00010ECC" w14:textId="77777777">
      <w:pPr>
        <w:pStyle w:val="ListParagraph"/>
        <w:ind w:left="1440"/>
        <w:jc w:val="both"/>
      </w:pPr>
    </w:p>
    <w:p w:rsidR="00B24B6C" w:rsidP="009C1394" w14:paraId="789AD36C" w14:textId="5E127FF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AA6832" w:rsidP="00AA6832" w14:paraId="1B338A06" w14:textId="77777777">
      <w:pPr>
        <w:pStyle w:val="ListParagraph"/>
      </w:pPr>
    </w:p>
    <w:p w:rsidR="00AA6832" w:rsidP="009C1394" w14:paraId="06C3A8E8" w14:textId="252E9A29">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i)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rsidR="00A02C0C" w:rsidP="00A02C0C" w14:paraId="07DCCC06" w14:textId="77777777">
      <w:pPr>
        <w:pStyle w:val="ListParagraph"/>
        <w:ind w:left="1440"/>
        <w:jc w:val="both"/>
      </w:pPr>
    </w:p>
    <w:p w:rsidR="00A02C0C" w:rsidP="00A02C0C" w14:paraId="3C8D7004" w14:textId="10C2B604">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rsidR="00A02C0C" w:rsidP="00A02C0C" w14:paraId="18CD830F" w14:textId="77777777">
      <w:pPr>
        <w:pStyle w:val="ListParagraph"/>
        <w:ind w:left="2160"/>
        <w:jc w:val="both"/>
      </w:pPr>
    </w:p>
    <w:p w:rsidR="00A02C0C" w:rsidP="00A02C0C" w14:paraId="20665474" w14:textId="404B3D77">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rsidR="00A02C0C" w:rsidP="00A02C0C" w14:paraId="0CB2A312" w14:textId="77777777">
      <w:pPr>
        <w:pStyle w:val="ListParagraph"/>
      </w:pPr>
    </w:p>
    <w:p w:rsidR="00A02C0C" w:rsidP="00A02C0C" w14:paraId="2181D41A" w14:textId="660C92E4">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75C145C9">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7C5761BB">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781440B8">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B04F81" w:rsidP="00B04F81" w14:paraId="4C59253C" w14:textId="77777777">
      <w:pPr>
        <w:pStyle w:val="ListParagraph"/>
        <w:jc w:val="both"/>
      </w:pPr>
    </w:p>
    <w:p w:rsidR="002A58CB" w:rsidP="008F4665" w14:paraId="0B4325CE" w14:textId="035D5C18">
      <w:pPr>
        <w:pStyle w:val="ListParagraph"/>
        <w:numPr>
          <w:ilvl w:val="0"/>
          <w:numId w:val="26"/>
        </w:numPr>
        <w:ind w:left="0" w:firstLine="720"/>
        <w:jc w:val="both"/>
      </w:pPr>
      <w:r>
        <w:t>“</w:t>
      </w:r>
      <w:r w:rsidRPr="002A58CB">
        <w:rPr>
          <w:b/>
          <w:bCs/>
        </w:rPr>
        <w:t>Air Monitoring System</w:t>
      </w:r>
      <w:r>
        <w:t>” shall have the meaning set forth in Section 1.1(a)(x)(iii).</w:t>
      </w:r>
    </w:p>
    <w:p w:rsidR="002A58CB" w:rsidP="002A58CB" w14:paraId="2A0E039D" w14:textId="77777777">
      <w:pPr>
        <w:pStyle w:val="ListParagraph"/>
      </w:pPr>
    </w:p>
    <w:p w:rsidR="008F4665" w:rsidP="008F4665" w14:paraId="317A6598" w14:textId="4E4369EA">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8F4665" w:rsidP="008F4665" w14:paraId="53D1C4DE" w14:textId="77777777">
      <w:pPr>
        <w:jc w:val="both"/>
      </w:pPr>
    </w:p>
    <w:p w:rsidR="002F6170" w:rsidP="00CB5A0C" w14:paraId="3F4FBDA6" w14:textId="29238C80">
      <w:pPr>
        <w:pStyle w:val="ListParagraph"/>
        <w:numPr>
          <w:ilvl w:val="0"/>
          <w:numId w:val="26"/>
        </w:numPr>
        <w:ind w:left="0" w:firstLine="720"/>
        <w:jc w:val="both"/>
      </w:pPr>
      <w:r>
        <w:t>“</w:t>
      </w:r>
      <w:r w:rsidRPr="002F6170">
        <w:rPr>
          <w:b/>
          <w:bCs/>
        </w:rPr>
        <w:t>Board</w:t>
      </w:r>
      <w:r>
        <w:t>” means the Russell County Board of Supervis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7D404930">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rsidR="006F55EA" w:rsidP="006F55EA" w14:paraId="682F83EF" w14:textId="77777777">
      <w:pPr>
        <w:pStyle w:val="ListParagraph"/>
      </w:pPr>
    </w:p>
    <w:p w:rsidR="00D85CD8" w:rsidP="006F55EA" w14:paraId="307D2C74" w14:textId="2522A5DE">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rsidR="00C46767">
        <w:rPr>
          <w:u w:val="single"/>
        </w:rPr>
        <w:t>(i)</w:t>
      </w:r>
      <w:r>
        <w:t>.</w:t>
      </w: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16C25B41">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3358FBBF">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53CFB596">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AD0720" w:rsidP="00CB5A0C" w14:paraId="54D19455" w14:textId="4274255B">
      <w:pPr>
        <w:pStyle w:val="ListParagraph"/>
        <w:numPr>
          <w:ilvl w:val="0"/>
          <w:numId w:val="26"/>
        </w:numPr>
        <w:ind w:left="0" w:firstLine="720"/>
        <w:jc w:val="both"/>
      </w:pPr>
      <w:r w:rsidRPr="007D3868">
        <w:t>“</w:t>
      </w:r>
      <w:r w:rsidRPr="007D3868">
        <w:rPr>
          <w:b/>
          <w:bCs/>
        </w:rPr>
        <w:t>Groundwater Monitoring System</w:t>
      </w:r>
      <w:r w:rsidRPr="007D3868">
        <w:t>”</w:t>
      </w:r>
      <w:r>
        <w:t xml:space="preserve"> has the meaning set forth in </w:t>
      </w:r>
      <w:r w:rsidRPr="00AD0720">
        <w:rPr>
          <w:u w:val="single"/>
        </w:rPr>
        <w:t>Section 1.1(a)(xii)</w:t>
      </w:r>
      <w:r>
        <w:t>.</w:t>
      </w:r>
    </w:p>
    <w:p w:rsidR="00AD0720" w:rsidP="00AD0720" w14:paraId="07345507" w14:textId="77777777">
      <w:pPr>
        <w:pStyle w:val="ListParagraph"/>
      </w:pPr>
    </w:p>
    <w:p w:rsidR="002F6170" w:rsidP="00CB5A0C" w14:paraId="27D48A56" w14:textId="696B4F64">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68C9E4E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rsidR="00D85CD8" w:rsidP="00D85CD8" w14:paraId="6F05CCAD" w14:textId="77777777">
      <w:pPr>
        <w:pStyle w:val="ListParagraph"/>
      </w:pPr>
    </w:p>
    <w:p w:rsidR="00E46C4C" w:rsidP="00CB5A0C" w14:paraId="48458F23" w14:textId="42C98750">
      <w:pPr>
        <w:pStyle w:val="ListParagraph"/>
        <w:numPr>
          <w:ilvl w:val="0"/>
          <w:numId w:val="26"/>
        </w:numPr>
        <w:ind w:left="0" w:firstLine="720"/>
        <w:jc w:val="both"/>
      </w:pPr>
      <w:r>
        <w:t>“</w:t>
      </w:r>
      <w:bookmarkStart w:id="5" w:name="_Hlk146831292"/>
      <w:r w:rsidRPr="00E46C4C">
        <w:rPr>
          <w:b/>
          <w:bCs/>
        </w:rPr>
        <w:t>Household Hazardous</w:t>
      </w:r>
      <w:r w:rsidR="00560233">
        <w:rPr>
          <w:b/>
          <w:bCs/>
        </w:rPr>
        <w:t xml:space="preserve"> </w:t>
      </w:r>
      <w:r w:rsidRPr="00E46C4C">
        <w:rPr>
          <w:b/>
          <w:bCs/>
        </w:rPr>
        <w:t>Wastes</w:t>
      </w:r>
      <w:bookmarkEnd w:id="5"/>
      <w:r>
        <w:t xml:space="preserve">” shall have the meaning set forth in </w:t>
      </w:r>
      <w:r w:rsidRPr="00E46C4C">
        <w:rPr>
          <w:u w:val="single"/>
        </w:rPr>
        <w:t>Section 1.1(a)(</w:t>
      </w:r>
      <w:r w:rsidR="00560233">
        <w:rPr>
          <w:u w:val="single"/>
        </w:rPr>
        <w:t>viii</w:t>
      </w:r>
      <w:r w:rsidRPr="00E46C4C">
        <w:rPr>
          <w:u w:val="single"/>
        </w:rPr>
        <w:t>)</w:t>
      </w:r>
      <w:r>
        <w:t>.</w:t>
      </w:r>
    </w:p>
    <w:p w:rsidR="00E46C4C" w:rsidP="00E46C4C" w14:paraId="2F910017" w14:textId="77777777">
      <w:pPr>
        <w:pStyle w:val="ListParagraph"/>
      </w:pPr>
    </w:p>
    <w:p w:rsidR="002F6170" w:rsidP="00CB5A0C" w14:paraId="50AFD628" w14:textId="2C5EB4A9">
      <w:pPr>
        <w:pStyle w:val="ListParagraph"/>
        <w:numPr>
          <w:ilvl w:val="0"/>
          <w:numId w:val="26"/>
        </w:numPr>
        <w:ind w:left="0" w:firstLine="720"/>
        <w:jc w:val="both"/>
      </w:pPr>
      <w:r>
        <w:t>“</w:t>
      </w:r>
      <w:bookmarkStart w:id="6" w:name="_Hlk146831284"/>
      <w:r w:rsidRPr="002F6170">
        <w:rPr>
          <w:b/>
          <w:bCs/>
        </w:rPr>
        <w:t>Industrial Waste</w:t>
      </w:r>
      <w:bookmarkEnd w:id="6"/>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233EDA50">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i)</w:t>
      </w:r>
      <w:r w:rsidR="00D85CD8">
        <w:t>.</w:t>
      </w:r>
    </w:p>
    <w:p w:rsidR="00DB7BA1" w:rsidP="00DB7BA1" w14:paraId="588722A7" w14:textId="77777777">
      <w:pPr>
        <w:pStyle w:val="ListParagraph"/>
      </w:pPr>
    </w:p>
    <w:p w:rsidR="00DB7BA1" w:rsidP="00CB5A0C" w14:paraId="3D49EFF3" w14:textId="19D349F8">
      <w:pPr>
        <w:pStyle w:val="ListParagraph"/>
        <w:numPr>
          <w:ilvl w:val="0"/>
          <w:numId w:val="26"/>
        </w:numPr>
        <w:ind w:left="0" w:firstLine="720"/>
        <w:jc w:val="both"/>
      </w:pPr>
      <w:r>
        <w:t>“</w:t>
      </w:r>
      <w:r w:rsidRPr="00DB7BA1">
        <w:rPr>
          <w:b/>
          <w:bCs/>
        </w:rPr>
        <w:t>Landfill Liner System</w:t>
      </w:r>
      <w:r>
        <w:t xml:space="preserve">” shall have the meaning set forth in </w:t>
      </w:r>
      <w:r w:rsidRPr="00DB7BA1">
        <w:rPr>
          <w:u w:val="single"/>
        </w:rPr>
        <w:t>Section 1.1(a)(xi)</w:t>
      </w:r>
      <w:r>
        <w:t>.</w:t>
      </w:r>
    </w:p>
    <w:p w:rsidR="00E46C4C" w:rsidP="002023A6" w14:paraId="7AE79753" w14:textId="77777777"/>
    <w:p w:rsidR="006F55EA" w:rsidP="00CB5A0C" w14:paraId="061E827D" w14:textId="7CBCE17D">
      <w:pPr>
        <w:pStyle w:val="ListParagraph"/>
        <w:numPr>
          <w:ilvl w:val="0"/>
          <w:numId w:val="26"/>
        </w:numPr>
        <w:ind w:left="0" w:firstLine="720"/>
        <w:jc w:val="both"/>
      </w:pPr>
      <w:r>
        <w:t>“</w:t>
      </w:r>
      <w:r w:rsidRPr="006F55EA">
        <w:rPr>
          <w:b/>
          <w:bCs/>
        </w:rPr>
        <w:t>Laws</w:t>
      </w:r>
      <w:r>
        <w:t xml:space="preserve">” </w:t>
      </w:r>
      <w:r w:rsidR="000751E0">
        <w:t xml:space="preserve">means all </w:t>
      </w:r>
      <w:r w:rsidRPr="000751E0" w:rsidR="000751E0">
        <w:t xml:space="preserve">applicable federal, state, and local laws, </w:t>
      </w:r>
      <w:r w:rsidR="000751E0">
        <w:t xml:space="preserve">statutes, codes, </w:t>
      </w:r>
      <w:r w:rsidRPr="000751E0" w:rsidR="000751E0">
        <w:t>rules, ordinances, regulations, standards, governmental requirements and policies, administrative rulings, court judgments and decrees, and all amendments thereto</w:t>
      </w:r>
      <w:r>
        <w:t>.</w:t>
      </w:r>
      <w:r w:rsidR="000751E0">
        <w:t xml:space="preserve"> </w:t>
      </w:r>
    </w:p>
    <w:p w:rsidR="006F55EA" w:rsidP="006F55EA" w14:paraId="5B80A8F6" w14:textId="77777777">
      <w:pPr>
        <w:pStyle w:val="ListParagraph"/>
      </w:pPr>
    </w:p>
    <w:p w:rsidR="00E46C4C" w:rsidP="00E46C4C" w14:paraId="5C831E59" w14:textId="79FA42DC">
      <w:pPr>
        <w:pStyle w:val="ListParagraph"/>
        <w:numPr>
          <w:ilvl w:val="0"/>
          <w:numId w:val="26"/>
        </w:numPr>
        <w:ind w:left="0" w:firstLine="720"/>
        <w:jc w:val="both"/>
      </w:pPr>
      <w:r>
        <w:t>“</w:t>
      </w:r>
      <w:r w:rsidRPr="00124DD4">
        <w:rPr>
          <w:b/>
          <w:bCs/>
        </w:rPr>
        <w:t xml:space="preserve">Leachate </w:t>
      </w:r>
      <w:r w:rsidR="00124DD4">
        <w:rPr>
          <w:b/>
          <w:bCs/>
        </w:rPr>
        <w:t>Management System</w:t>
      </w:r>
      <w:r>
        <w:t xml:space="preserve">” shall </w:t>
      </w:r>
      <w:r w:rsidR="001433E3">
        <w:t>have the meaning set forth in Section 1.1(a)(ix)</w:t>
      </w:r>
      <w:r w:rsidR="00124DD4">
        <w:t>.</w:t>
      </w:r>
    </w:p>
    <w:p w:rsidR="00124DD4" w:rsidP="00124DD4" w14:paraId="5B7CD3D0" w14:textId="77777777">
      <w:pPr>
        <w:jc w:val="both"/>
      </w:pPr>
    </w:p>
    <w:p w:rsidR="00D85CD8" w:rsidP="00CB5A0C" w14:paraId="7E588F8C" w14:textId="0F13CA31">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w:t>
      </w:r>
      <w:r w:rsidR="0015375B">
        <w:rPr>
          <w:u w:val="single"/>
        </w:rPr>
        <w:t>6</w:t>
      </w:r>
      <w:r>
        <w:t>.</w:t>
      </w:r>
    </w:p>
    <w:p w:rsidR="00D85CD8" w:rsidP="00D85CD8" w14:paraId="2687F1F6" w14:textId="77777777">
      <w:pPr>
        <w:pStyle w:val="ListParagraph"/>
      </w:pPr>
    </w:p>
    <w:p w:rsidR="00D85CD8" w:rsidP="00CB5A0C" w14:paraId="7CFE4145" w14:textId="52BDB072">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rsidR="00515516" w:rsidP="002023A6" w14:paraId="2EDC86A7" w14:textId="77777777"/>
    <w:p w:rsidR="008C3E51" w:rsidP="00CB5A0C" w14:paraId="015DA8B4" w14:textId="0F9433A3">
      <w:pPr>
        <w:pStyle w:val="ListParagraph"/>
        <w:numPr>
          <w:ilvl w:val="0"/>
          <w:numId w:val="26"/>
        </w:numPr>
        <w:ind w:left="0" w:firstLine="720"/>
        <w:jc w:val="both"/>
      </w:pPr>
      <w:r>
        <w:t>“</w:t>
      </w:r>
      <w:bookmarkStart w:id="7" w:name="_Hlk146831311"/>
      <w:r w:rsidRPr="002F6170">
        <w:rPr>
          <w:b/>
          <w:bCs/>
        </w:rPr>
        <w:t>Municipal Solid Waste</w:t>
      </w:r>
      <w:bookmarkEnd w:id="7"/>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4"/>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6B42FB32">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rsidR="00515516" w:rsidP="00515516" w14:paraId="76F5F272" w14:textId="77777777">
      <w:pPr>
        <w:pStyle w:val="ListParagraph"/>
      </w:pPr>
    </w:p>
    <w:p w:rsidR="00E46C4C" w:rsidP="00CB5A0C" w14:paraId="610B21AA" w14:textId="376F5C60">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560233">
        <w:rPr>
          <w:u w:val="single"/>
        </w:rPr>
        <w:t>b</w:t>
      </w:r>
      <w:r>
        <w:rPr>
          <w:u w:val="single"/>
        </w:rPr>
        <w:t>)</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3E6E2209">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515516" w:rsidP="00A77ADE" w14:paraId="39C32096" w14:textId="77777777"/>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0B97AEB5">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i)</w:t>
      </w:r>
      <w:r>
        <w:t>.</w:t>
      </w:r>
    </w:p>
    <w:p w:rsidR="00560233" w:rsidP="00E46C4C" w14:paraId="743AA254" w14:textId="77777777">
      <w:pPr>
        <w:pStyle w:val="ListParagraph"/>
      </w:pPr>
    </w:p>
    <w:p w:rsidR="00E46C4C" w:rsidP="00CB5A0C" w14:paraId="756A3A2E" w14:textId="5CACF00D">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rsidR="00D83CB1" w:rsidP="00681135" w14:paraId="34709A24" w14:textId="77777777"/>
    <w:p w:rsidR="00DB5D79" w:rsidP="00CB5A0C" w14:paraId="41BB1D1C" w14:textId="66C9266F">
      <w:pPr>
        <w:pStyle w:val="ListParagraph"/>
        <w:numPr>
          <w:ilvl w:val="0"/>
          <w:numId w:val="26"/>
        </w:numPr>
        <w:ind w:left="0" w:firstLine="720"/>
        <w:jc w:val="both"/>
      </w:pPr>
      <w:bookmarkStart w:id="8" w:name="_Hlk146831371"/>
      <w:r>
        <w:t>“</w:t>
      </w:r>
      <w:r w:rsidRPr="00DB5D79">
        <w:rPr>
          <w:b/>
          <w:bCs/>
        </w:rPr>
        <w:t>Specialty Waste</w:t>
      </w:r>
      <w:bookmarkEnd w:id="8"/>
      <w:r>
        <w:t xml:space="preserve">” means </w:t>
      </w:r>
      <w:r w:rsidR="0015375B">
        <w:t>Household Hazardous Wastes</w:t>
      </w:r>
      <w:r w:rsidRPr="00DB5D79">
        <w:t xml:space="preserve">, electronic or "e-waste" (computers, TVs, VCRs, stereos, copiers, fax machines), white goods (refrigerators, ranges, water heaters, freezers) and other </w:t>
      </w:r>
      <w:r w:rsidR="0015375B">
        <w:t xml:space="preserve">similar </w:t>
      </w:r>
      <w:r w:rsidRPr="00DB5D79">
        <w:t>materials</w:t>
      </w:r>
      <w:r w:rsidR="0046372B">
        <w:t>.</w:t>
      </w:r>
    </w:p>
    <w:p w:rsidR="00DB5D79" w:rsidP="00DB5D79" w14:paraId="42588355"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61EC0A98">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560233">
        <w:rPr>
          <w:u w:val="single"/>
        </w:rPr>
        <w:t>b</w:t>
      </w:r>
      <w:r>
        <w:rPr>
          <w:u w:val="single"/>
        </w:rPr>
        <w:t>)</w:t>
      </w:r>
      <w:r>
        <w:t>.</w:t>
      </w:r>
    </w:p>
    <w:p w:rsidR="00D85CD8" w:rsidP="00D85CD8" w14:paraId="18F2ED3B" w14:textId="77777777">
      <w:pPr>
        <w:pStyle w:val="ListParagraph"/>
      </w:pPr>
    </w:p>
    <w:p w:rsidR="00681135" w:rsidP="00681135" w14:paraId="45E232F5" w14:textId="77777777">
      <w:pPr>
        <w:pStyle w:val="ListParagraph"/>
        <w:numPr>
          <w:ilvl w:val="0"/>
          <w:numId w:val="26"/>
        </w:numPr>
        <w:ind w:left="0" w:firstLine="720"/>
        <w:jc w:val="both"/>
      </w:pPr>
      <w:r>
        <w:t>“</w:t>
      </w:r>
      <w:r w:rsidRPr="00D85CD8">
        <w:rPr>
          <w:b/>
          <w:bCs/>
        </w:rPr>
        <w:t>Violation Notice</w:t>
      </w:r>
      <w:r>
        <w:t xml:space="preserve">” shall have the meaning set forth in </w:t>
      </w:r>
      <w:r w:rsidRPr="00E46C4C">
        <w:rPr>
          <w:u w:val="single"/>
        </w:rPr>
        <w:t>Sectio</w:t>
      </w:r>
      <w:r>
        <w:rPr>
          <w:u w:val="single"/>
        </w:rPr>
        <w:t>n 1.2(e)</w:t>
      </w:r>
      <w:r w:rsidRPr="00681135">
        <w:t>.</w:t>
      </w:r>
    </w:p>
    <w:p w:rsidR="00681135" w:rsidRPr="00681135" w:rsidP="00681135" w14:paraId="11C9BA19" w14:textId="77777777">
      <w:pPr>
        <w:pStyle w:val="ListParagraph"/>
        <w:rPr>
          <w:b/>
          <w:bCs/>
        </w:rPr>
      </w:pPr>
    </w:p>
    <w:p w:rsidR="00681135" w:rsidP="00681135" w14:paraId="1BE3C014" w14:textId="41C1BD59">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Household Hazardous Wastes, Industrial Waste, Municipal Solid Waste, Specialty Waste, and Unacceptable Wastes</w:t>
      </w:r>
      <w:r>
        <w:t>.</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716330">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5"/>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P="00CB5A0C" w14:paraId="28B459D1" w14:textId="375F5258"/>
    <w:p w:rsidR="00560233" w:rsidP="00CB5A0C" w14:paraId="719A2C41" w14:textId="77777777">
      <w:pPr>
        <w:sectPr w:rsidSect="001E5BFB">
          <w:pgSz w:w="12240" w:h="15840"/>
          <w:pgMar w:top="1440" w:right="1440" w:bottom="1440" w:left="1440" w:header="720" w:footer="720" w:gutter="0"/>
          <w:cols w:space="720"/>
          <w:titlePg/>
          <w:docGrid w:linePitch="360"/>
        </w:sectPr>
      </w:pPr>
    </w:p>
    <w:p w:rsidR="00560233" w:rsidRPr="00607718" w:rsidP="00607718" w14:paraId="5EE6CDBD" w14:textId="65CEB6B4">
      <w:pPr>
        <w:jc w:val="center"/>
        <w:rPr>
          <w:b/>
          <w:bCs/>
          <w:u w:val="single"/>
        </w:rPr>
      </w:pPr>
      <w:r w:rsidRPr="00607718">
        <w:rPr>
          <w:b/>
          <w:bCs/>
          <w:u w:val="single"/>
        </w:rPr>
        <w:t>Exhibit A</w:t>
      </w:r>
    </w:p>
    <w:p w:rsidR="00560233" w:rsidRPr="00607718" w:rsidP="00607718" w14:paraId="464400BD" w14:textId="39DD3B56">
      <w:pPr>
        <w:jc w:val="center"/>
        <w:rPr>
          <w:b/>
          <w:bCs/>
        </w:rPr>
      </w:pPr>
    </w:p>
    <w:p w:rsidR="00560233" w:rsidRPr="00607718" w:rsidP="00607718" w14:paraId="773A2290" w14:textId="418D5953">
      <w:pPr>
        <w:jc w:val="center"/>
        <w:rPr>
          <w:b/>
          <w:bCs/>
        </w:rPr>
      </w:pPr>
      <w:r w:rsidRPr="00607718">
        <w:rPr>
          <w:b/>
          <w:bCs/>
        </w:rPr>
        <w:t>Property Description</w:t>
      </w:r>
    </w:p>
    <w:p w:rsidR="00560233" w:rsidP="00CB5A0C" w14:paraId="66A8AE6D" w14:textId="70386D4D"/>
    <w:p w:rsidR="00607718" w:rsidP="00CB5A0C" w14:paraId="5FDA34D7" w14:textId="77777777"/>
    <w:p w:rsidR="00607718" w:rsidP="00CB5A0C" w14:paraId="06EE2DBB" w14:textId="7A5D1421">
      <w:pPr>
        <w:sectPr w:rsidSect="001E5BFB">
          <w:pgSz w:w="12240" w:h="15840"/>
          <w:pgMar w:top="1440" w:right="1440" w:bottom="1440" w:left="1440" w:header="720" w:footer="720" w:gutter="0"/>
          <w:cols w:space="720"/>
          <w:titlePg/>
          <w:docGrid w:linePitch="360"/>
        </w:sectPr>
      </w:pPr>
    </w:p>
    <w:p w:rsidR="00560233" w:rsidRPr="00607718" w:rsidP="00607718" w14:paraId="3FC61DC8" w14:textId="436E3354">
      <w:pPr>
        <w:jc w:val="center"/>
        <w:rPr>
          <w:b/>
          <w:bCs/>
          <w:u w:val="single"/>
        </w:rPr>
      </w:pPr>
      <w:r w:rsidRPr="00607718">
        <w:rPr>
          <w:b/>
          <w:bCs/>
          <w:u w:val="single"/>
        </w:rPr>
        <w:t>Exhibit B</w:t>
      </w:r>
    </w:p>
    <w:p w:rsidR="00560233" w:rsidRPr="00607718" w:rsidP="00607718" w14:paraId="75B3EA04" w14:textId="122586C1">
      <w:pPr>
        <w:jc w:val="center"/>
        <w:rPr>
          <w:b/>
          <w:bCs/>
        </w:rPr>
      </w:pPr>
    </w:p>
    <w:p w:rsidR="00560233" w:rsidRPr="00607718" w:rsidP="00607718" w14:paraId="44AF51C9" w14:textId="767A46B6">
      <w:pPr>
        <w:jc w:val="center"/>
        <w:rPr>
          <w:b/>
          <w:bCs/>
        </w:rPr>
      </w:pPr>
      <w:r w:rsidRPr="00607718">
        <w:rPr>
          <w:b/>
          <w:bCs/>
        </w:rPr>
        <w:t xml:space="preserve">Host Fee/County Waste </w:t>
      </w:r>
      <w:r w:rsidRPr="00607718" w:rsidR="00607718">
        <w:rPr>
          <w:b/>
          <w:bCs/>
        </w:rPr>
        <w:t>Rates</w:t>
      </w:r>
    </w:p>
    <w:p w:rsidR="00607718" w:rsidP="00CB5A0C" w14:paraId="4BF7AED9" w14:textId="77FBA90C"/>
    <w:p w:rsidR="00607718" w:rsidRPr="00986C65" w:rsidP="00CB5A0C" w14:paraId="0C9138FC" w14:textId="39337A78"/>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2619FF" w14:paraId="59D873B0"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2A616C7E">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2A58CB">
      <w:rPr>
        <w:sz w:val="18"/>
      </w:rPr>
      <w:instrText>26898/3/11418787v4</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2A58CB">
      <w:rPr>
        <w:noProof/>
        <w:sz w:val="18"/>
      </w:rPr>
      <w:t>26898/3/11418787v4</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90AAA" w14:paraId="7908C4AD" w14:textId="77777777">
    <w:pPr>
      <w:pStyle w:val="Footer"/>
    </w:pPr>
  </w:p>
  <w:p w:rsidR="00E90AAA" w:rsidP="00E90AAA" w14:paraId="45533363" w14:textId="7155CEE6">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716330">
      <w:rPr>
        <w:sz w:val="18"/>
      </w:rPr>
      <w:instrText>26898/3/11418787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16330">
      <w:rPr>
        <w:noProof/>
        <w:sz w:val="18"/>
      </w:rPr>
      <w:t>26898/3/1141878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footnote w:type="separator" w:id="0">
    <w:p w:rsidR="0041136C" w14:paraId="4B3AB89C" w14:textId="77777777">
      <w:r>
        <w:separator/>
      </w:r>
    </w:p>
  </w:footnote>
  <w:footnote w:type="continuationSeparator" w:id="1">
    <w:p w:rsidR="0041136C" w14:paraId="0959AE77"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2023A6" w:rsidP="002023A6" w14:paraId="29050C70" w14:textId="49DC850D">
      <w:pPr>
        <w:pStyle w:val="FootnoteText"/>
      </w:pPr>
      <w:r>
        <w:rPr>
          <w:rStyle w:val="FootnoteReference"/>
        </w:rPr>
        <w:footnoteRef/>
      </w:r>
      <w:r>
        <w:t xml:space="preserve"> Subject to review; to be consistent with market rates.</w:t>
      </w:r>
    </w:p>
  </w:footnote>
  <w:footnote w:id="4">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5">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2619FF" w14:paraId="1578049F"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47D80" w:rsidRPr="00147D80" w14:paraId="64F35BC5" w14:textId="461B9247">
    <w:pPr>
      <w:pStyle w:val="Header"/>
      <w:rPr>
        <w:color w:val="FF0000"/>
      </w:rPr>
    </w:pPr>
    <w:r w:rsidRPr="00147D80">
      <w:rPr>
        <w:color w:val="FF0000"/>
      </w:rPr>
      <w:t>GL DRAFT</w:t>
    </w:r>
    <w:r>
      <w:rPr>
        <w:color w:val="FF0000"/>
      </w:rPr>
      <w:t xml:space="preserve"> </w:t>
    </w:r>
    <w:r w:rsidR="0047749C">
      <w:rPr>
        <w:color w:val="FF0000"/>
      </w:rPr>
      <w:t>10.</w:t>
    </w:r>
    <w:r w:rsidR="00716330">
      <w:rPr>
        <w:color w:val="FF0000"/>
      </w:rPr>
      <w:t>1</w:t>
    </w:r>
    <w:r w:rsidR="008C75D6">
      <w:rPr>
        <w:color w:val="FF0000"/>
      </w:rPr>
      <w:t>2</w:t>
    </w:r>
    <w:r>
      <w:rPr>
        <w:color w:val="FF0000"/>
      </w:rPr>
      <w:t>.23</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07BA7" w:rsidRPr="006E7ABE" w14:paraId="373640B6" w14:textId="122E024F">
    <w:pPr>
      <w:pStyle w:val="Header"/>
      <w:rPr>
        <w:color w:val="FF0000"/>
      </w:rPr>
    </w:pPr>
    <w:r w:rsidRPr="006E7ABE">
      <w:rPr>
        <w:color w:val="FF0000"/>
      </w:rPr>
      <w:t xml:space="preserve">GL DRAFT </w:t>
    </w:r>
    <w:r w:rsidR="0047749C">
      <w:rPr>
        <w:color w:val="FF0000"/>
      </w:rPr>
      <w:t>10.</w:t>
    </w:r>
    <w:r w:rsidR="0015375B">
      <w:rPr>
        <w:color w:val="FF0000"/>
      </w:rPr>
      <w:t>1</w:t>
    </w:r>
    <w:r w:rsidR="00716330">
      <w:rPr>
        <w:color w:val="FF0000"/>
      </w:rPr>
      <w:t>1</w:t>
    </w:r>
    <w:r w:rsidRPr="006E7ABE">
      <w:rPr>
        <w:color w:val="FF0000"/>
      </w:rPr>
      <w:t>.23</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226660B"/>
    <w:multiLevelType w:val="hybridMultilevel"/>
    <w:tmpl w:val="ED6A9164"/>
    <w:lvl w:ilvl="0">
      <w:start w:val="1"/>
      <w:numFmt w:val="lowerLetter"/>
      <w:lvlText w:val="(%1)"/>
      <w:lvlJc w:val="left"/>
      <w:pPr>
        <w:ind w:left="14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2AC6466"/>
    <w:multiLevelType w:val="hybridMultilevel"/>
    <w:tmpl w:val="C48497F4"/>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rPr>
    </w:lvl>
    <w:lvl w:ilvl="2">
      <w:start w:val="1"/>
      <w:numFmt w:val="lowerRoman"/>
      <w:lvlText w:val="(%3)"/>
      <w:lvlJc w:val="left"/>
      <w:pPr>
        <w:ind w:left="2160" w:hanging="18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2FCE3B2A"/>
    <w:multiLevelType w:val="hybridMultilevel"/>
    <w:tmpl w:val="32649C64"/>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8">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9">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7">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97815"/>
    <w:rsid w:val="000A6E60"/>
    <w:rsid w:val="000B3CD2"/>
    <w:rsid w:val="000C2B33"/>
    <w:rsid w:val="000E0B39"/>
    <w:rsid w:val="000E1799"/>
    <w:rsid w:val="000F12E1"/>
    <w:rsid w:val="000F27CF"/>
    <w:rsid w:val="000F542C"/>
    <w:rsid w:val="00102583"/>
    <w:rsid w:val="00107BA7"/>
    <w:rsid w:val="00110280"/>
    <w:rsid w:val="0011726B"/>
    <w:rsid w:val="00120CC1"/>
    <w:rsid w:val="00124DD4"/>
    <w:rsid w:val="00136DB5"/>
    <w:rsid w:val="00136FBC"/>
    <w:rsid w:val="00141CF2"/>
    <w:rsid w:val="001433B4"/>
    <w:rsid w:val="001433E3"/>
    <w:rsid w:val="00147D80"/>
    <w:rsid w:val="0015375B"/>
    <w:rsid w:val="00153F3A"/>
    <w:rsid w:val="001562EE"/>
    <w:rsid w:val="00157F2A"/>
    <w:rsid w:val="001642CD"/>
    <w:rsid w:val="00166676"/>
    <w:rsid w:val="00190620"/>
    <w:rsid w:val="0019290E"/>
    <w:rsid w:val="00195BC2"/>
    <w:rsid w:val="001A30DE"/>
    <w:rsid w:val="001A5C49"/>
    <w:rsid w:val="001C3A03"/>
    <w:rsid w:val="001C5AE6"/>
    <w:rsid w:val="001D0168"/>
    <w:rsid w:val="001E17E3"/>
    <w:rsid w:val="001E5185"/>
    <w:rsid w:val="001E5BFB"/>
    <w:rsid w:val="001F0025"/>
    <w:rsid w:val="001F13EA"/>
    <w:rsid w:val="002023A6"/>
    <w:rsid w:val="00216F8C"/>
    <w:rsid w:val="00220508"/>
    <w:rsid w:val="00223134"/>
    <w:rsid w:val="00225B49"/>
    <w:rsid w:val="00226B26"/>
    <w:rsid w:val="00231871"/>
    <w:rsid w:val="0025473E"/>
    <w:rsid w:val="002606E1"/>
    <w:rsid w:val="002619FF"/>
    <w:rsid w:val="00274C52"/>
    <w:rsid w:val="002772D9"/>
    <w:rsid w:val="00285698"/>
    <w:rsid w:val="00291E02"/>
    <w:rsid w:val="002A58CB"/>
    <w:rsid w:val="002B6C8F"/>
    <w:rsid w:val="002D4363"/>
    <w:rsid w:val="002D5EC3"/>
    <w:rsid w:val="002E1082"/>
    <w:rsid w:val="002F6170"/>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4026A7"/>
    <w:rsid w:val="00404582"/>
    <w:rsid w:val="0041136C"/>
    <w:rsid w:val="004329EE"/>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6A92"/>
    <w:rsid w:val="00580450"/>
    <w:rsid w:val="00581AAF"/>
    <w:rsid w:val="00582B02"/>
    <w:rsid w:val="00591887"/>
    <w:rsid w:val="005A1978"/>
    <w:rsid w:val="005A57D9"/>
    <w:rsid w:val="005C3AC9"/>
    <w:rsid w:val="005C53EB"/>
    <w:rsid w:val="005D025F"/>
    <w:rsid w:val="005D0376"/>
    <w:rsid w:val="005D1C4D"/>
    <w:rsid w:val="005D78A9"/>
    <w:rsid w:val="005E535B"/>
    <w:rsid w:val="005F108D"/>
    <w:rsid w:val="005F6C61"/>
    <w:rsid w:val="005F75BD"/>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7227"/>
    <w:rsid w:val="00707ABF"/>
    <w:rsid w:val="00716330"/>
    <w:rsid w:val="007307FB"/>
    <w:rsid w:val="00732FCA"/>
    <w:rsid w:val="007537E1"/>
    <w:rsid w:val="007652C3"/>
    <w:rsid w:val="00773B1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46A62"/>
    <w:rsid w:val="00854346"/>
    <w:rsid w:val="00872C38"/>
    <w:rsid w:val="00873D75"/>
    <w:rsid w:val="008769C6"/>
    <w:rsid w:val="008A478E"/>
    <w:rsid w:val="008C3E51"/>
    <w:rsid w:val="008C546C"/>
    <w:rsid w:val="008C75D6"/>
    <w:rsid w:val="008E3F3D"/>
    <w:rsid w:val="008F1921"/>
    <w:rsid w:val="008F4665"/>
    <w:rsid w:val="00912D13"/>
    <w:rsid w:val="0092713D"/>
    <w:rsid w:val="00931C97"/>
    <w:rsid w:val="00942B15"/>
    <w:rsid w:val="00943998"/>
    <w:rsid w:val="00951A11"/>
    <w:rsid w:val="009571DD"/>
    <w:rsid w:val="00960DC7"/>
    <w:rsid w:val="00963438"/>
    <w:rsid w:val="00970963"/>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A70"/>
    <w:rsid w:val="00A77ADE"/>
    <w:rsid w:val="00A86CD9"/>
    <w:rsid w:val="00A911D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4086"/>
    <w:rsid w:val="00B6588A"/>
    <w:rsid w:val="00B7023A"/>
    <w:rsid w:val="00B74A81"/>
    <w:rsid w:val="00B7600E"/>
    <w:rsid w:val="00B86D62"/>
    <w:rsid w:val="00BA6AD9"/>
    <w:rsid w:val="00BC0DBD"/>
    <w:rsid w:val="00BD5141"/>
    <w:rsid w:val="00BD5C2F"/>
    <w:rsid w:val="00BE0D4B"/>
    <w:rsid w:val="00BE2C90"/>
    <w:rsid w:val="00BF4C65"/>
    <w:rsid w:val="00BF654C"/>
    <w:rsid w:val="00C0283A"/>
    <w:rsid w:val="00C028F6"/>
    <w:rsid w:val="00C15D0E"/>
    <w:rsid w:val="00C352A2"/>
    <w:rsid w:val="00C379F0"/>
    <w:rsid w:val="00C430B5"/>
    <w:rsid w:val="00C45955"/>
    <w:rsid w:val="00C46767"/>
    <w:rsid w:val="00C520E1"/>
    <w:rsid w:val="00C57B0A"/>
    <w:rsid w:val="00C641BE"/>
    <w:rsid w:val="00C6513A"/>
    <w:rsid w:val="00C81596"/>
    <w:rsid w:val="00C84842"/>
    <w:rsid w:val="00C95C26"/>
    <w:rsid w:val="00CA45CA"/>
    <w:rsid w:val="00CA5056"/>
    <w:rsid w:val="00CB0751"/>
    <w:rsid w:val="00CB5A0C"/>
    <w:rsid w:val="00CC074F"/>
    <w:rsid w:val="00CC2EC6"/>
    <w:rsid w:val="00CD4D00"/>
    <w:rsid w:val="00CD5443"/>
    <w:rsid w:val="00CD68FB"/>
    <w:rsid w:val="00CD6E60"/>
    <w:rsid w:val="00CE0FE9"/>
    <w:rsid w:val="00CE3025"/>
    <w:rsid w:val="00CE3807"/>
    <w:rsid w:val="00CF50DB"/>
    <w:rsid w:val="00CF6EBA"/>
    <w:rsid w:val="00D01065"/>
    <w:rsid w:val="00D0264E"/>
    <w:rsid w:val="00D0316F"/>
    <w:rsid w:val="00D4029F"/>
    <w:rsid w:val="00D445BB"/>
    <w:rsid w:val="00D51903"/>
    <w:rsid w:val="00D559EA"/>
    <w:rsid w:val="00D61D65"/>
    <w:rsid w:val="00D65AD8"/>
    <w:rsid w:val="00D7319C"/>
    <w:rsid w:val="00D83CB1"/>
    <w:rsid w:val="00D84292"/>
    <w:rsid w:val="00D85CD8"/>
    <w:rsid w:val="00D85CEE"/>
    <w:rsid w:val="00D90F33"/>
    <w:rsid w:val="00DA0B1C"/>
    <w:rsid w:val="00DB5D79"/>
    <w:rsid w:val="00DB7BA1"/>
    <w:rsid w:val="00DC4211"/>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F2E03"/>
    <w:rsid w:val="00EF5E2C"/>
    <w:rsid w:val="00F07DC9"/>
    <w:rsid w:val="00F35DAA"/>
    <w:rsid w:val="00F4141A"/>
    <w:rsid w:val="00F43522"/>
    <w:rsid w:val="00F92397"/>
    <w:rsid w:val="00FA5601"/>
    <w:rsid w:val="00FA6636"/>
    <w:rsid w:val="00FB7809"/>
    <w:rsid w:val="00FD5B53"/>
    <w:rsid w:val="00FD6324"/>
    <w:rsid w:val="00FE19B1"/>
    <w:rsid w:val="00FE2695"/>
    <w:rsid w:val="00FE3182"/>
    <w:rsid w:val="00FE5ACE"/>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15:docId w15:val="{AE437293-3CA7-435E-B68F-57CE7C89B17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10789</Words>
  <Characters>61500</Characters>
  <Application>Microsoft Office Word</Application>
  <DocSecurity>0</DocSecurity>
  <Lines>512</Lines>
  <Paragraphs>14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21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5-29T14:03:08Z</dcterms:created>
  <dcterms:modified xsi:type="dcterms:W3CDTF">2024-05-29T14:03:0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418787v4</vt:lpwstr>
  </property>
</Properties>
</file>